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26074\Desktop\s2026\final time table 2026\"/>
    </mc:Choice>
  </mc:AlternateContent>
  <xr:revisionPtr revIDLastSave="0" documentId="13_ncr:1_{61C9B43B-9235-4BF8-B6C1-4FFA92208294}" xr6:coauthVersionLast="47" xr6:coauthVersionMax="47" xr10:uidLastSave="{00000000-0000-0000-0000-000000000000}"/>
  <bookViews>
    <workbookView xWindow="-120" yWindow="-120" windowWidth="20730" windowHeight="11160" xr2:uid="{14AF1B0A-D598-4E9A-8906-8C1D150E030F}"/>
  </bookViews>
  <sheets>
    <sheet name="Sheet1" sheetId="1" r:id="rId1"/>
  </sheets>
  <definedNames>
    <definedName name="_xlnm._FilterDatabase" localSheetId="0" hidden="1">Sheet1!$A$1:$S$15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594" uniqueCount="297">
  <si>
    <t>S. No</t>
  </si>
  <si>
    <t>Intake</t>
  </si>
  <si>
    <t>Cat</t>
  </si>
  <si>
    <t>Course_Name</t>
  </si>
  <si>
    <t>CRH</t>
  </si>
  <si>
    <t>Merged/Synergy</t>
  </si>
  <si>
    <t>ROOM</t>
  </si>
  <si>
    <t>S2026</t>
  </si>
  <si>
    <t>RIS</t>
  </si>
  <si>
    <t>Applications of ICT</t>
  </si>
  <si>
    <t>No</t>
  </si>
  <si>
    <t>SEN 603</t>
  </si>
  <si>
    <t>Applications of ICT Lab</t>
  </si>
  <si>
    <t>Calculus and Analytical Geometry</t>
  </si>
  <si>
    <t>Circuit Analysis</t>
  </si>
  <si>
    <t>Circuit Analysis Lab</t>
  </si>
  <si>
    <t>S2025</t>
  </si>
  <si>
    <t>Civics and Community Engagement</t>
  </si>
  <si>
    <t>F2023</t>
  </si>
  <si>
    <t>F2024</t>
  </si>
  <si>
    <t>Control Systems</t>
  </si>
  <si>
    <t>Control Systems Lab</t>
  </si>
  <si>
    <t>Data Structures and Algorithms</t>
  </si>
  <si>
    <t>Data Structures and Algorithms Lab</t>
  </si>
  <si>
    <t>F2025</t>
  </si>
  <si>
    <t>Differential Equations</t>
  </si>
  <si>
    <t>SEN 607</t>
  </si>
  <si>
    <t>S2024</t>
  </si>
  <si>
    <t>Expository Writing</t>
  </si>
  <si>
    <t>Ideology and Constitution of Pakistan</t>
  </si>
  <si>
    <t>Islamic Studies/Ethics</t>
  </si>
  <si>
    <t>Linear Algebra</t>
  </si>
  <si>
    <t>Occupational Health and Safety</t>
  </si>
  <si>
    <t>Programming Fundamentals</t>
  </si>
  <si>
    <t>Programming Fundamentals Lab</t>
  </si>
  <si>
    <t>Signals and Systems</t>
  </si>
  <si>
    <t>Signals and Systems Lab</t>
  </si>
  <si>
    <t>Functional English</t>
  </si>
  <si>
    <t>Engineering Mechanics</t>
  </si>
  <si>
    <t>Robot Kinematics</t>
  </si>
  <si>
    <t>Introduction to Robotics</t>
  </si>
  <si>
    <t>Introduction to Robotics Lab</t>
  </si>
  <si>
    <t>Probability and Statistics for Engineers</t>
  </si>
  <si>
    <t>Introduction to Artificial Intelligence</t>
  </si>
  <si>
    <t>Introduction to Artificial Intelligence Lab</t>
  </si>
  <si>
    <t>Mechanical Design for Robots</t>
  </si>
  <si>
    <t>Mechanical Design for Robots Lab</t>
  </si>
  <si>
    <t>Sensors and Actuators</t>
  </si>
  <si>
    <t>Embedded Systems</t>
  </si>
  <si>
    <t>Embedded Systems Lab</t>
  </si>
  <si>
    <t>Robot Operating System</t>
  </si>
  <si>
    <t>Robot Operating System Lab</t>
  </si>
  <si>
    <t>Robot Motion Planning and Control</t>
  </si>
  <si>
    <t>Robot Motion Planning and Control Lab</t>
  </si>
  <si>
    <t>Intelligent Control Systems</t>
  </si>
  <si>
    <t>Intelligent Control Systems Lab</t>
  </si>
  <si>
    <t>Digital Image Processing</t>
  </si>
  <si>
    <t>Autonomous and Mobile Robots</t>
  </si>
  <si>
    <t>Autonomous and Mobile Robots Lab</t>
  </si>
  <si>
    <t>Computer Vision</t>
  </si>
  <si>
    <t>F2023 RIS, F2023 EE</t>
  </si>
  <si>
    <t>Computer Visison LAB</t>
  </si>
  <si>
    <t>Digital Logic Design</t>
  </si>
  <si>
    <t>Digital Logic Design Lab</t>
  </si>
  <si>
    <t>Pakistan Studies</t>
  </si>
  <si>
    <t>IET</t>
  </si>
  <si>
    <t>Object Oriented Programming</t>
  </si>
  <si>
    <t>Object Oriented Programming Lab</t>
  </si>
  <si>
    <t>Digital Electronics</t>
  </si>
  <si>
    <t>Digital Electronics Lab</t>
  </si>
  <si>
    <t>Communication Skills</t>
  </si>
  <si>
    <t>Organizational Behavior / Management Elective - I</t>
  </si>
  <si>
    <t>Operating Systems</t>
  </si>
  <si>
    <t>Operating Systems Lab</t>
  </si>
  <si>
    <t>Information Security</t>
  </si>
  <si>
    <t>Information Security Lab</t>
  </si>
  <si>
    <t>F2024 CompE, F2024 IET</t>
  </si>
  <si>
    <t>Systems and Network Administration</t>
  </si>
  <si>
    <t>Systems and Network Administration Lab</t>
  </si>
  <si>
    <t> 1</t>
  </si>
  <si>
    <t>Artificial Intelligence</t>
  </si>
  <si>
    <t>Artificial Intelligence Lab</t>
  </si>
  <si>
    <t>Technical Writing</t>
  </si>
  <si>
    <t>EE</t>
  </si>
  <si>
    <t>Differntial Equations</t>
  </si>
  <si>
    <t>Electromagnatics</t>
  </si>
  <si>
    <t>F2024 EE, F2023 EE</t>
  </si>
  <si>
    <t>Ideaology and Constitution of Pakistan</t>
  </si>
  <si>
    <t>linear Algebra</t>
  </si>
  <si>
    <t>EE F2025. CompE F2025</t>
  </si>
  <si>
    <t>EE F2024, CompE F2024</t>
  </si>
  <si>
    <t>Electrical Network Analysis</t>
  </si>
  <si>
    <t>Electrical Network Analysis lab</t>
  </si>
  <si>
    <t>Critical Thinking</t>
  </si>
  <si>
    <t>Computer Organization and Architecture</t>
  </si>
  <si>
    <t>Computer Organization and Architecture Lab</t>
  </si>
  <si>
    <t>Intstrumentation and Measurements</t>
  </si>
  <si>
    <t>Intstrumentation and Measurements Lab</t>
  </si>
  <si>
    <t>Power Distribution and Transmission</t>
  </si>
  <si>
    <t>Power Distribution and Transmission Lab</t>
  </si>
  <si>
    <t>F2022</t>
  </si>
  <si>
    <t>Senior Design Project -2</t>
  </si>
  <si>
    <t>Numerical Analysis</t>
  </si>
  <si>
    <t>Electronic System Design</t>
  </si>
  <si>
    <t>COMP S</t>
  </si>
  <si>
    <t>Discrete Structures</t>
  </si>
  <si>
    <t>Comp E F2025, Comp Sys F2025</t>
  </si>
  <si>
    <t xml:space="preserve"> COMP S</t>
  </si>
  <si>
    <t>Applied Physics</t>
  </si>
  <si>
    <t xml:space="preserve"> Applied Physics Lab</t>
  </si>
  <si>
    <t>COMP E</t>
  </si>
  <si>
    <t>Electronic Devices and Circuits</t>
  </si>
  <si>
    <t xml:space="preserve">Computer Organization and Architecture </t>
  </si>
  <si>
    <t>Monday</t>
  </si>
  <si>
    <t>Tuesday</t>
  </si>
  <si>
    <t>Wednesday</t>
  </si>
  <si>
    <t>Thursday</t>
  </si>
  <si>
    <t>Friday</t>
  </si>
  <si>
    <t>Saturday</t>
  </si>
  <si>
    <t>Resource Person</t>
  </si>
  <si>
    <t>Hassan Tariq</t>
  </si>
  <si>
    <t>Dr. Saqib Ali</t>
  </si>
  <si>
    <t>Abdullah Khalid</t>
  </si>
  <si>
    <t>Basmah Ahmad</t>
  </si>
  <si>
    <t>Asad Ali</t>
  </si>
  <si>
    <t>Dr. Ahmad Mehmood</t>
  </si>
  <si>
    <t>Waqas Ahmad</t>
  </si>
  <si>
    <t>Awais Maqsood</t>
  </si>
  <si>
    <t>Dr. Hasnain Kashif</t>
  </si>
  <si>
    <t>Wasif Ali</t>
  </si>
  <si>
    <t>Ushna Umer</t>
  </si>
  <si>
    <t>Mariam Shakil</t>
  </si>
  <si>
    <t>Mahnoor Sharafat</t>
  </si>
  <si>
    <t>Dr. Asif Hussain</t>
  </si>
  <si>
    <t>Rabia Chaudhry</t>
  </si>
  <si>
    <t>Shazab Mustafa</t>
  </si>
  <si>
    <t>Nouman Ahmad</t>
  </si>
  <si>
    <t>Dr. Farhat Kaleem</t>
  </si>
  <si>
    <t>Yusra</t>
  </si>
  <si>
    <t xml:space="preserve">Yusra </t>
  </si>
  <si>
    <t>Dep</t>
  </si>
  <si>
    <t>Section</t>
  </si>
  <si>
    <t>Th</t>
  </si>
  <si>
    <t>Lab</t>
  </si>
  <si>
    <t>Course
 code</t>
  </si>
  <si>
    <t>Th/
Lab</t>
  </si>
  <si>
    <t>R</t>
  </si>
  <si>
    <t>I</t>
  </si>
  <si>
    <t>A</t>
  </si>
  <si>
    <t>S</t>
  </si>
  <si>
    <t>C</t>
  </si>
  <si>
    <t>09:30-10:45</t>
  </si>
  <si>
    <t>14:00-15:15</t>
  </si>
  <si>
    <t>SEN 310</t>
  </si>
  <si>
    <t>08:00-09:15</t>
  </si>
  <si>
    <t>Circuit Lab</t>
  </si>
  <si>
    <t>08:00-10:45</t>
  </si>
  <si>
    <t>Strength</t>
  </si>
  <si>
    <t>R1</t>
  </si>
  <si>
    <t>R2</t>
  </si>
  <si>
    <t>R3</t>
  </si>
  <si>
    <t>Electronic Devices &amp; Circuits Lab</t>
  </si>
  <si>
    <t>F2024 RIS R2, COMPE F2024</t>
  </si>
  <si>
    <t>S2026 RIS, S2026 COMP S</t>
  </si>
  <si>
    <t>F2023 RIS, F2022 EE</t>
  </si>
  <si>
    <t>TBA (A)</t>
  </si>
  <si>
    <t>TBA (D)</t>
  </si>
  <si>
    <t>TBA (VF)</t>
  </si>
  <si>
    <t>Control Lab</t>
  </si>
  <si>
    <t>Comm Lab</t>
  </si>
  <si>
    <t>Instrument Lab</t>
  </si>
  <si>
    <t>Project Lab</t>
  </si>
  <si>
    <t>12:30-13:45</t>
  </si>
  <si>
    <t>SEN 608</t>
  </si>
  <si>
    <t>11:00-12:15</t>
  </si>
  <si>
    <t>11:00-13:45</t>
  </si>
  <si>
    <t>15:30-16:45</t>
  </si>
  <si>
    <t>14:00-16:45</t>
  </si>
  <si>
    <t>SEN 402</t>
  </si>
  <si>
    <t>SEN 609</t>
  </si>
  <si>
    <t>17:00-18:15</t>
  </si>
  <si>
    <t>F2025  Comp E, F2025 CompS</t>
  </si>
  <si>
    <t>RIS F2025 Sec R2, COMP SYS F2025</t>
  </si>
  <si>
    <t>SEN 607/SEN 310</t>
  </si>
  <si>
    <t>EE F2024, CompE F2025</t>
  </si>
  <si>
    <t>EE F2025, CompE F2024</t>
  </si>
  <si>
    <t>Daniyal Ahmad</t>
  </si>
  <si>
    <t>TBA(Z)</t>
  </si>
  <si>
    <t>CE</t>
  </si>
  <si>
    <t>ME</t>
  </si>
  <si>
    <t>Electronics Engineering</t>
  </si>
  <si>
    <t>Electrical Engineering</t>
  </si>
  <si>
    <t>Electrical and Electronics Engineering Lab</t>
  </si>
  <si>
    <t>Basic Electrical Engineering </t>
  </si>
  <si>
    <t>Basic Electrical Engineering Lab</t>
  </si>
  <si>
    <t>8:00-10:45</t>
  </si>
  <si>
    <t>sen 310</t>
  </si>
  <si>
    <t>17:00-18:16</t>
  </si>
  <si>
    <t>EE110L</t>
  </si>
  <si>
    <t>EE125L</t>
  </si>
  <si>
    <t>EE125</t>
  </si>
  <si>
    <t>MA230</t>
  </si>
  <si>
    <t>MS230</t>
  </si>
  <si>
    <t>HM150</t>
  </si>
  <si>
    <t>CS143</t>
  </si>
  <si>
    <t>CS143L</t>
  </si>
  <si>
    <t>RI120</t>
  </si>
  <si>
    <t>RI110</t>
  </si>
  <si>
    <t>RI110L</t>
  </si>
  <si>
    <t>HM222</t>
  </si>
  <si>
    <t>SD210</t>
  </si>
  <si>
    <t>MA210</t>
  </si>
  <si>
    <t>CPE232</t>
  </si>
  <si>
    <t>EE315</t>
  </si>
  <si>
    <t>EE315L</t>
  </si>
  <si>
    <t>EE220</t>
  </si>
  <si>
    <t>EE220L</t>
  </si>
  <si>
    <t>EE360</t>
  </si>
  <si>
    <t>EE360L</t>
  </si>
  <si>
    <t>EE213</t>
  </si>
  <si>
    <t>EE213L</t>
  </si>
  <si>
    <t>EE306</t>
  </si>
  <si>
    <t>RI225</t>
  </si>
  <si>
    <t>RI225L</t>
  </si>
  <si>
    <t>RI230</t>
  </si>
  <si>
    <t>RI230L</t>
  </si>
  <si>
    <t>EN126</t>
  </si>
  <si>
    <t>EE337</t>
  </si>
  <si>
    <t>EE329</t>
  </si>
  <si>
    <t>EE329L</t>
  </si>
  <si>
    <t>RI325</t>
  </si>
  <si>
    <t>RI325L</t>
  </si>
  <si>
    <t>RI330</t>
  </si>
  <si>
    <t>RI330L</t>
  </si>
  <si>
    <t>CPE233</t>
  </si>
  <si>
    <t>CS406</t>
  </si>
  <si>
    <t>RI345</t>
  </si>
  <si>
    <t>RI345L</t>
  </si>
  <si>
    <t>RI356</t>
  </si>
  <si>
    <t>RI356L</t>
  </si>
  <si>
    <t>RI340</t>
  </si>
  <si>
    <t>RI340L</t>
  </si>
  <si>
    <t>MA107</t>
  </si>
  <si>
    <t>EE110</t>
  </si>
  <si>
    <t>EN104</t>
  </si>
  <si>
    <t>NS124</t>
  </si>
  <si>
    <t>NS124L</t>
  </si>
  <si>
    <t>CPE123</t>
  </si>
  <si>
    <t>HM113</t>
  </si>
  <si>
    <t>EE208</t>
  </si>
  <si>
    <t>EE208L</t>
  </si>
  <si>
    <t>EE210</t>
  </si>
  <si>
    <t>EE210L</t>
  </si>
  <si>
    <t>EE227</t>
  </si>
  <si>
    <t>EE227L</t>
  </si>
  <si>
    <t>IET232</t>
  </si>
  <si>
    <t>IET232L</t>
  </si>
  <si>
    <t>IET240</t>
  </si>
  <si>
    <t>IET240L</t>
  </si>
  <si>
    <t>IET250</t>
  </si>
  <si>
    <t>IET250L</t>
  </si>
  <si>
    <t>IET260</t>
  </si>
  <si>
    <t>IET260L</t>
  </si>
  <si>
    <t>IET270</t>
  </si>
  <si>
    <t>IET270L</t>
  </si>
  <si>
    <t>EN225</t>
  </si>
  <si>
    <t>MS210</t>
  </si>
  <si>
    <t>CS151</t>
  </si>
  <si>
    <t>CS151L</t>
  </si>
  <si>
    <t>IET130</t>
  </si>
  <si>
    <t>IET130L</t>
  </si>
  <si>
    <t>EN233</t>
  </si>
  <si>
    <t>MG330</t>
  </si>
  <si>
    <t>EE212</t>
  </si>
  <si>
    <t>EE212L</t>
  </si>
  <si>
    <t>SS201</t>
  </si>
  <si>
    <t>EE310</t>
  </si>
  <si>
    <t>EE322</t>
  </si>
  <si>
    <t>EE322L</t>
  </si>
  <si>
    <t>EE421</t>
  </si>
  <si>
    <t>EE323</t>
  </si>
  <si>
    <t>EE492</t>
  </si>
  <si>
    <t>MS422</t>
  </si>
  <si>
    <t>ME124</t>
  </si>
  <si>
    <t>EE465</t>
  </si>
  <si>
    <t>EE465L</t>
  </si>
  <si>
    <t>EE209</t>
  </si>
  <si>
    <t>EL209</t>
  </si>
  <si>
    <t>Communication and Presentation Skills</t>
  </si>
  <si>
    <t>EN130</t>
  </si>
  <si>
    <t>MATHS</t>
  </si>
  <si>
    <t>SSSH</t>
  </si>
  <si>
    <t>ENGLISH</t>
  </si>
  <si>
    <t>ISL</t>
  </si>
  <si>
    <t>ENLISH</t>
  </si>
  <si>
    <t>PHYS</t>
  </si>
  <si>
    <t>SF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8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0" fillId="0" borderId="0" xfId="0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A85788-9C45-44B9-9032-4E8D859D90B6}">
  <sheetPr>
    <pageSetUpPr fitToPage="1"/>
  </sheetPr>
  <dimension ref="A1:T153"/>
  <sheetViews>
    <sheetView tabSelected="1" zoomScaleNormal="100" workbookViewId="0">
      <selection activeCell="C1" sqref="C1"/>
    </sheetView>
  </sheetViews>
  <sheetFormatPr defaultRowHeight="15" x14ac:dyDescent="0.25"/>
  <cols>
    <col min="3" max="3" width="6.85546875" bestFit="1" customWidth="1"/>
    <col min="7" max="7" width="38" customWidth="1"/>
    <col min="8" max="8" width="6.85546875" bestFit="1" customWidth="1"/>
    <col min="9" max="9" width="6.85546875" customWidth="1"/>
    <col min="10" max="10" width="30.7109375" bestFit="1" customWidth="1"/>
    <col min="11" max="11" width="9.85546875" bestFit="1" customWidth="1"/>
    <col min="12" max="12" width="21.28515625" customWidth="1"/>
    <col min="13" max="13" width="15.140625" bestFit="1" customWidth="1"/>
    <col min="14" max="14" width="11.140625" bestFit="1" customWidth="1"/>
    <col min="15" max="15" width="11" customWidth="1"/>
    <col min="16" max="16" width="13" customWidth="1"/>
    <col min="17" max="17" width="11.28515625" bestFit="1" customWidth="1"/>
    <col min="18" max="18" width="13.140625" customWidth="1"/>
    <col min="19" max="19" width="10.42578125" customWidth="1"/>
  </cols>
  <sheetData>
    <row r="1" spans="1:20" ht="33" customHeight="1" x14ac:dyDescent="0.25">
      <c r="A1" s="1" t="s">
        <v>0</v>
      </c>
      <c r="B1" s="1" t="s">
        <v>1</v>
      </c>
      <c r="C1" s="1" t="s">
        <v>140</v>
      </c>
      <c r="D1" s="2" t="s">
        <v>145</v>
      </c>
      <c r="E1" s="1" t="s">
        <v>2</v>
      </c>
      <c r="F1" s="2" t="s">
        <v>144</v>
      </c>
      <c r="G1" s="1" t="s">
        <v>3</v>
      </c>
      <c r="H1" s="1" t="s">
        <v>4</v>
      </c>
      <c r="I1" s="1" t="s">
        <v>157</v>
      </c>
      <c r="J1" s="1" t="s">
        <v>5</v>
      </c>
      <c r="K1" s="1" t="s">
        <v>141</v>
      </c>
      <c r="L1" s="1" t="s">
        <v>119</v>
      </c>
      <c r="M1" s="1" t="s">
        <v>6</v>
      </c>
      <c r="N1" s="1" t="s">
        <v>113</v>
      </c>
      <c r="O1" s="1" t="s">
        <v>114</v>
      </c>
      <c r="P1" s="1" t="s">
        <v>115</v>
      </c>
      <c r="Q1" s="1" t="s">
        <v>116</v>
      </c>
      <c r="R1" s="1" t="s">
        <v>117</v>
      </c>
      <c r="S1" s="1" t="s">
        <v>118</v>
      </c>
      <c r="T1" s="1"/>
    </row>
    <row r="2" spans="1:20" x14ac:dyDescent="0.25">
      <c r="A2">
        <v>1</v>
      </c>
      <c r="B2" t="s">
        <v>7</v>
      </c>
      <c r="C2" t="s">
        <v>83</v>
      </c>
      <c r="D2" t="s">
        <v>142</v>
      </c>
      <c r="E2" t="s">
        <v>8</v>
      </c>
      <c r="F2" t="s">
        <v>200</v>
      </c>
      <c r="G2" t="s">
        <v>9</v>
      </c>
      <c r="H2">
        <v>2</v>
      </c>
      <c r="I2">
        <v>40</v>
      </c>
      <c r="J2" t="s">
        <v>163</v>
      </c>
      <c r="K2" t="s">
        <v>146</v>
      </c>
      <c r="M2" t="s">
        <v>11</v>
      </c>
      <c r="N2" t="s">
        <v>180</v>
      </c>
      <c r="Q2" t="s">
        <v>180</v>
      </c>
    </row>
    <row r="3" spans="1:20" x14ac:dyDescent="0.25">
      <c r="A3">
        <v>2</v>
      </c>
      <c r="B3" t="s">
        <v>7</v>
      </c>
      <c r="C3" t="s">
        <v>83</v>
      </c>
      <c r="D3" t="s">
        <v>143</v>
      </c>
      <c r="E3" t="s">
        <v>8</v>
      </c>
      <c r="F3" t="s">
        <v>199</v>
      </c>
      <c r="G3" t="s">
        <v>12</v>
      </c>
      <c r="H3">
        <v>1</v>
      </c>
      <c r="I3">
        <v>40</v>
      </c>
      <c r="J3" t="s">
        <v>163</v>
      </c>
      <c r="K3" t="s">
        <v>146</v>
      </c>
      <c r="L3" t="s">
        <v>134</v>
      </c>
      <c r="M3" t="s">
        <v>153</v>
      </c>
      <c r="O3" t="s">
        <v>175</v>
      </c>
    </row>
    <row r="4" spans="1:20" x14ac:dyDescent="0.25">
      <c r="A4">
        <v>3</v>
      </c>
      <c r="B4" t="s">
        <v>7</v>
      </c>
      <c r="C4" t="s">
        <v>290</v>
      </c>
      <c r="D4" t="s">
        <v>142</v>
      </c>
      <c r="E4" t="s">
        <v>8</v>
      </c>
      <c r="F4" t="s">
        <v>242</v>
      </c>
      <c r="G4" t="s">
        <v>13</v>
      </c>
      <c r="H4">
        <v>3</v>
      </c>
      <c r="I4">
        <v>40</v>
      </c>
      <c r="J4" t="s">
        <v>163</v>
      </c>
      <c r="K4" t="s">
        <v>146</v>
      </c>
      <c r="M4" t="s">
        <v>11</v>
      </c>
      <c r="N4" t="s">
        <v>172</v>
      </c>
      <c r="Q4" t="s">
        <v>172</v>
      </c>
    </row>
    <row r="5" spans="1:20" x14ac:dyDescent="0.25">
      <c r="A5">
        <v>4</v>
      </c>
      <c r="B5" t="s">
        <v>7</v>
      </c>
      <c r="C5" t="s">
        <v>83</v>
      </c>
      <c r="D5" t="s">
        <v>142</v>
      </c>
      <c r="E5" t="s">
        <v>8</v>
      </c>
      <c r="F5" t="s">
        <v>198</v>
      </c>
      <c r="G5" t="s">
        <v>14</v>
      </c>
      <c r="H5">
        <v>3</v>
      </c>
      <c r="I5">
        <v>40</v>
      </c>
      <c r="J5" t="s">
        <v>163</v>
      </c>
      <c r="K5" t="s">
        <v>146</v>
      </c>
      <c r="L5" t="s">
        <v>120</v>
      </c>
      <c r="M5" t="s">
        <v>11</v>
      </c>
      <c r="O5" t="s">
        <v>151</v>
      </c>
      <c r="P5" t="s">
        <v>151</v>
      </c>
    </row>
    <row r="6" spans="1:20" x14ac:dyDescent="0.25">
      <c r="A6">
        <v>5</v>
      </c>
      <c r="B6" t="s">
        <v>7</v>
      </c>
      <c r="C6" t="s">
        <v>83</v>
      </c>
      <c r="D6" t="s">
        <v>143</v>
      </c>
      <c r="E6" t="s">
        <v>8</v>
      </c>
      <c r="F6" t="s">
        <v>198</v>
      </c>
      <c r="G6" t="s">
        <v>15</v>
      </c>
      <c r="H6">
        <v>1</v>
      </c>
      <c r="I6">
        <v>20</v>
      </c>
      <c r="K6" t="s">
        <v>158</v>
      </c>
      <c r="L6" t="s">
        <v>134</v>
      </c>
      <c r="M6" t="s">
        <v>155</v>
      </c>
      <c r="P6" t="s">
        <v>177</v>
      </c>
    </row>
    <row r="7" spans="1:20" x14ac:dyDescent="0.25">
      <c r="A7">
        <v>6</v>
      </c>
      <c r="B7" t="s">
        <v>7</v>
      </c>
      <c r="C7" t="s">
        <v>83</v>
      </c>
      <c r="D7" t="s">
        <v>143</v>
      </c>
      <c r="E7" t="s">
        <v>8</v>
      </c>
      <c r="F7" t="s">
        <v>198</v>
      </c>
      <c r="G7" t="s">
        <v>15</v>
      </c>
      <c r="H7">
        <v>1</v>
      </c>
      <c r="I7">
        <v>20</v>
      </c>
      <c r="J7" t="s">
        <v>163</v>
      </c>
      <c r="K7" t="s">
        <v>159</v>
      </c>
      <c r="L7" t="s">
        <v>134</v>
      </c>
      <c r="M7" t="s">
        <v>155</v>
      </c>
      <c r="P7" t="s">
        <v>175</v>
      </c>
    </row>
    <row r="8" spans="1:20" x14ac:dyDescent="0.25">
      <c r="A8">
        <v>7</v>
      </c>
      <c r="B8" t="s">
        <v>16</v>
      </c>
      <c r="C8" t="s">
        <v>291</v>
      </c>
      <c r="D8" t="s">
        <v>142</v>
      </c>
      <c r="E8" t="s">
        <v>8</v>
      </c>
      <c r="F8" t="s">
        <v>210</v>
      </c>
      <c r="G8" t="s">
        <v>17</v>
      </c>
      <c r="H8">
        <v>2</v>
      </c>
      <c r="I8">
        <v>39</v>
      </c>
      <c r="K8" t="s">
        <v>146</v>
      </c>
      <c r="M8" t="s">
        <v>179</v>
      </c>
      <c r="P8" t="s">
        <v>176</v>
      </c>
      <c r="S8" t="s">
        <v>176</v>
      </c>
    </row>
    <row r="9" spans="1:20" x14ac:dyDescent="0.25">
      <c r="A9">
        <v>8</v>
      </c>
      <c r="B9" t="s">
        <v>18</v>
      </c>
      <c r="C9" t="s">
        <v>291</v>
      </c>
      <c r="D9" t="s">
        <v>142</v>
      </c>
      <c r="E9" t="s">
        <v>8</v>
      </c>
      <c r="F9" t="s">
        <v>210</v>
      </c>
      <c r="G9" t="s">
        <v>17</v>
      </c>
      <c r="H9">
        <v>2</v>
      </c>
      <c r="I9">
        <v>21</v>
      </c>
      <c r="K9" t="s">
        <v>158</v>
      </c>
      <c r="M9" t="s">
        <v>26</v>
      </c>
      <c r="N9" t="s">
        <v>154</v>
      </c>
      <c r="Q9" t="s">
        <v>154</v>
      </c>
    </row>
    <row r="10" spans="1:20" x14ac:dyDescent="0.25">
      <c r="A10">
        <v>9</v>
      </c>
      <c r="B10" t="s">
        <v>19</v>
      </c>
      <c r="C10" t="s">
        <v>83</v>
      </c>
      <c r="D10" t="s">
        <v>142</v>
      </c>
      <c r="E10" t="s">
        <v>8</v>
      </c>
      <c r="F10" t="s">
        <v>217</v>
      </c>
      <c r="G10" t="s">
        <v>20</v>
      </c>
      <c r="H10">
        <v>3</v>
      </c>
      <c r="I10">
        <v>67</v>
      </c>
      <c r="K10" t="s">
        <v>146</v>
      </c>
      <c r="L10" t="s">
        <v>121</v>
      </c>
      <c r="M10" t="s">
        <v>173</v>
      </c>
      <c r="O10" t="s">
        <v>154</v>
      </c>
      <c r="R10" t="s">
        <v>154</v>
      </c>
    </row>
    <row r="11" spans="1:20" x14ac:dyDescent="0.25">
      <c r="A11">
        <v>10</v>
      </c>
      <c r="B11" t="s">
        <v>19</v>
      </c>
      <c r="C11" t="s">
        <v>83</v>
      </c>
      <c r="D11" t="s">
        <v>143</v>
      </c>
      <c r="E11" t="s">
        <v>8</v>
      </c>
      <c r="F11" t="s">
        <v>218</v>
      </c>
      <c r="G11" t="s">
        <v>21</v>
      </c>
      <c r="H11">
        <v>1</v>
      </c>
      <c r="I11">
        <v>22</v>
      </c>
      <c r="K11" t="s">
        <v>158</v>
      </c>
      <c r="L11" t="s">
        <v>135</v>
      </c>
      <c r="M11" t="s">
        <v>168</v>
      </c>
      <c r="P11" t="s">
        <v>175</v>
      </c>
    </row>
    <row r="12" spans="1:20" x14ac:dyDescent="0.25">
      <c r="A12">
        <v>11</v>
      </c>
      <c r="B12" t="s">
        <v>19</v>
      </c>
      <c r="C12" t="s">
        <v>83</v>
      </c>
      <c r="D12" t="s">
        <v>143</v>
      </c>
      <c r="E12" t="s">
        <v>8</v>
      </c>
      <c r="F12" t="s">
        <v>218</v>
      </c>
      <c r="G12" t="s">
        <v>21</v>
      </c>
      <c r="H12">
        <v>1</v>
      </c>
      <c r="I12">
        <v>22</v>
      </c>
      <c r="K12" t="s">
        <v>159</v>
      </c>
      <c r="L12" t="s">
        <v>186</v>
      </c>
      <c r="M12" t="s">
        <v>168</v>
      </c>
      <c r="N12" t="s">
        <v>175</v>
      </c>
    </row>
    <row r="13" spans="1:20" x14ac:dyDescent="0.25">
      <c r="A13">
        <v>12</v>
      </c>
      <c r="B13" t="s">
        <v>19</v>
      </c>
      <c r="C13" t="s">
        <v>83</v>
      </c>
      <c r="D13" t="s">
        <v>143</v>
      </c>
      <c r="E13" t="s">
        <v>8</v>
      </c>
      <c r="F13" t="s">
        <v>218</v>
      </c>
      <c r="G13" t="s">
        <v>21</v>
      </c>
      <c r="H13">
        <v>1</v>
      </c>
      <c r="I13">
        <v>22</v>
      </c>
      <c r="K13" t="s">
        <v>160</v>
      </c>
      <c r="L13" t="s">
        <v>135</v>
      </c>
      <c r="M13" t="s">
        <v>168</v>
      </c>
      <c r="Q13" t="s">
        <v>175</v>
      </c>
    </row>
    <row r="14" spans="1:20" x14ac:dyDescent="0.25">
      <c r="A14">
        <v>13</v>
      </c>
      <c r="B14" t="s">
        <v>19</v>
      </c>
      <c r="C14" t="s">
        <v>83</v>
      </c>
      <c r="D14" t="s">
        <v>142</v>
      </c>
      <c r="E14" t="s">
        <v>8</v>
      </c>
      <c r="F14" t="s">
        <v>219</v>
      </c>
      <c r="G14" t="s">
        <v>22</v>
      </c>
      <c r="H14">
        <v>3</v>
      </c>
      <c r="I14">
        <v>67</v>
      </c>
      <c r="K14" t="s">
        <v>146</v>
      </c>
      <c r="L14" t="s">
        <v>122</v>
      </c>
      <c r="M14" t="s">
        <v>26</v>
      </c>
      <c r="O14" t="s">
        <v>151</v>
      </c>
      <c r="R14" t="s">
        <v>151</v>
      </c>
    </row>
    <row r="15" spans="1:20" x14ac:dyDescent="0.25">
      <c r="A15">
        <v>14</v>
      </c>
      <c r="B15" t="s">
        <v>19</v>
      </c>
      <c r="C15" t="s">
        <v>83</v>
      </c>
      <c r="D15" t="s">
        <v>143</v>
      </c>
      <c r="E15" t="s">
        <v>8</v>
      </c>
      <c r="F15" t="s">
        <v>220</v>
      </c>
      <c r="G15" t="s">
        <v>23</v>
      </c>
      <c r="H15">
        <v>1</v>
      </c>
      <c r="I15">
        <v>34</v>
      </c>
      <c r="K15" t="s">
        <v>158</v>
      </c>
      <c r="L15" t="s">
        <v>135</v>
      </c>
      <c r="M15" t="s">
        <v>153</v>
      </c>
      <c r="N15" t="s">
        <v>177</v>
      </c>
    </row>
    <row r="16" spans="1:20" x14ac:dyDescent="0.25">
      <c r="A16">
        <v>15</v>
      </c>
      <c r="B16" t="s">
        <v>19</v>
      </c>
      <c r="C16" t="s">
        <v>83</v>
      </c>
      <c r="D16" t="s">
        <v>143</v>
      </c>
      <c r="E16" t="s">
        <v>8</v>
      </c>
      <c r="F16" t="s">
        <v>220</v>
      </c>
      <c r="G16" t="s">
        <v>23</v>
      </c>
      <c r="H16">
        <v>1</v>
      </c>
      <c r="I16">
        <v>33</v>
      </c>
      <c r="J16" t="s">
        <v>162</v>
      </c>
      <c r="K16" t="s">
        <v>159</v>
      </c>
      <c r="L16" t="s">
        <v>135</v>
      </c>
      <c r="M16" t="s">
        <v>153</v>
      </c>
      <c r="P16" t="s">
        <v>156</v>
      </c>
    </row>
    <row r="17" spans="1:19" x14ac:dyDescent="0.25">
      <c r="A17">
        <v>16</v>
      </c>
      <c r="B17" t="s">
        <v>24</v>
      </c>
      <c r="C17" t="s">
        <v>83</v>
      </c>
      <c r="D17" t="s">
        <v>142</v>
      </c>
      <c r="E17" t="s">
        <v>8</v>
      </c>
      <c r="F17" t="s">
        <v>201</v>
      </c>
      <c r="G17" t="s">
        <v>25</v>
      </c>
      <c r="H17">
        <v>3</v>
      </c>
      <c r="I17">
        <v>45</v>
      </c>
      <c r="K17" t="s">
        <v>158</v>
      </c>
      <c r="M17" t="s">
        <v>11</v>
      </c>
      <c r="P17" t="s">
        <v>154</v>
      </c>
      <c r="S17" t="s">
        <v>154</v>
      </c>
    </row>
    <row r="18" spans="1:19" x14ac:dyDescent="0.25">
      <c r="A18">
        <v>17</v>
      </c>
      <c r="B18" t="s">
        <v>24</v>
      </c>
      <c r="C18" t="s">
        <v>83</v>
      </c>
      <c r="D18" t="s">
        <v>142</v>
      </c>
      <c r="E18" t="s">
        <v>8</v>
      </c>
      <c r="F18" t="s">
        <v>202</v>
      </c>
      <c r="G18" t="s">
        <v>25</v>
      </c>
      <c r="H18">
        <v>3</v>
      </c>
      <c r="I18">
        <v>45</v>
      </c>
      <c r="K18" t="s">
        <v>159</v>
      </c>
      <c r="M18" t="s">
        <v>179</v>
      </c>
      <c r="P18" t="s">
        <v>154</v>
      </c>
      <c r="S18" t="s">
        <v>154</v>
      </c>
    </row>
    <row r="19" spans="1:19" x14ac:dyDescent="0.25">
      <c r="A19">
        <v>18</v>
      </c>
      <c r="B19" t="s">
        <v>27</v>
      </c>
      <c r="C19" t="s">
        <v>292</v>
      </c>
      <c r="D19" t="s">
        <v>142</v>
      </c>
      <c r="E19" t="s">
        <v>8</v>
      </c>
      <c r="F19" t="s">
        <v>226</v>
      </c>
      <c r="G19" t="s">
        <v>28</v>
      </c>
      <c r="H19">
        <v>3</v>
      </c>
      <c r="I19">
        <v>14</v>
      </c>
      <c r="K19" t="s">
        <v>146</v>
      </c>
      <c r="M19" t="s">
        <v>11</v>
      </c>
      <c r="O19" t="s">
        <v>176</v>
      </c>
      <c r="R19" t="s">
        <v>176</v>
      </c>
    </row>
    <row r="20" spans="1:19" s="3" customFormat="1" x14ac:dyDescent="0.25">
      <c r="A20" s="3">
        <v>19</v>
      </c>
      <c r="B20" s="3" t="s">
        <v>16</v>
      </c>
      <c r="C20" s="3" t="s">
        <v>291</v>
      </c>
      <c r="D20" s="3" t="s">
        <v>142</v>
      </c>
      <c r="E20" s="3" t="s">
        <v>8</v>
      </c>
      <c r="F20" s="3" t="s">
        <v>248</v>
      </c>
      <c r="G20" s="3" t="s">
        <v>29</v>
      </c>
      <c r="H20" s="3">
        <v>2</v>
      </c>
      <c r="I20" s="3">
        <v>39</v>
      </c>
      <c r="K20" s="3" t="s">
        <v>146</v>
      </c>
      <c r="M20" s="3" t="s">
        <v>179</v>
      </c>
      <c r="P20" s="3" t="s">
        <v>180</v>
      </c>
      <c r="S20" s="3" t="s">
        <v>151</v>
      </c>
    </row>
    <row r="21" spans="1:19" x14ac:dyDescent="0.25">
      <c r="A21">
        <v>20</v>
      </c>
      <c r="B21" t="s">
        <v>24</v>
      </c>
      <c r="C21" s="3" t="s">
        <v>293</v>
      </c>
      <c r="D21" t="s">
        <v>142</v>
      </c>
      <c r="E21" t="s">
        <v>8</v>
      </c>
      <c r="F21" t="s">
        <v>203</v>
      </c>
      <c r="G21" t="s">
        <v>30</v>
      </c>
      <c r="H21">
        <v>2</v>
      </c>
      <c r="I21">
        <v>45</v>
      </c>
      <c r="K21" t="s">
        <v>158</v>
      </c>
      <c r="M21" t="s">
        <v>173</v>
      </c>
      <c r="P21" t="s">
        <v>151</v>
      </c>
      <c r="S21" t="s">
        <v>151</v>
      </c>
    </row>
    <row r="22" spans="1:19" x14ac:dyDescent="0.25">
      <c r="A22">
        <v>21</v>
      </c>
      <c r="B22" t="s">
        <v>24</v>
      </c>
      <c r="C22" s="3" t="s">
        <v>293</v>
      </c>
      <c r="D22" t="s">
        <v>142</v>
      </c>
      <c r="E22" t="s">
        <v>8</v>
      </c>
      <c r="F22" t="s">
        <v>203</v>
      </c>
      <c r="G22" t="s">
        <v>30</v>
      </c>
      <c r="H22">
        <v>2</v>
      </c>
      <c r="I22">
        <v>45</v>
      </c>
      <c r="K22" t="s">
        <v>159</v>
      </c>
      <c r="M22" t="s">
        <v>179</v>
      </c>
      <c r="P22" t="s">
        <v>151</v>
      </c>
      <c r="S22" t="s">
        <v>151</v>
      </c>
    </row>
    <row r="23" spans="1:19" x14ac:dyDescent="0.25">
      <c r="A23">
        <v>22</v>
      </c>
      <c r="B23" t="s">
        <v>16</v>
      </c>
      <c r="C23" s="3" t="s">
        <v>290</v>
      </c>
      <c r="D23" t="s">
        <v>142</v>
      </c>
      <c r="E23" t="s">
        <v>8</v>
      </c>
      <c r="F23" t="s">
        <v>211</v>
      </c>
      <c r="G23" t="s">
        <v>31</v>
      </c>
      <c r="H23">
        <v>3</v>
      </c>
      <c r="I23">
        <v>39</v>
      </c>
      <c r="K23" t="s">
        <v>146</v>
      </c>
      <c r="M23" t="s">
        <v>11</v>
      </c>
      <c r="P23" t="s">
        <v>172</v>
      </c>
      <c r="S23" t="s">
        <v>172</v>
      </c>
    </row>
    <row r="24" spans="1:19" s="3" customFormat="1" x14ac:dyDescent="0.25">
      <c r="A24" s="3">
        <v>23</v>
      </c>
      <c r="B24" s="3" t="s">
        <v>16</v>
      </c>
      <c r="C24" s="3" t="s">
        <v>296</v>
      </c>
      <c r="D24" s="3" t="s">
        <v>142</v>
      </c>
      <c r="E24" s="3" t="s">
        <v>8</v>
      </c>
      <c r="F24" s="3" t="s">
        <v>212</v>
      </c>
      <c r="G24" s="3" t="s">
        <v>32</v>
      </c>
      <c r="H24" s="3">
        <v>1</v>
      </c>
      <c r="I24" s="3">
        <v>39</v>
      </c>
      <c r="K24" s="3" t="s">
        <v>146</v>
      </c>
      <c r="M24" s="3" t="s">
        <v>26</v>
      </c>
      <c r="P24" s="3" t="s">
        <v>152</v>
      </c>
      <c r="S24" s="3" t="s">
        <v>152</v>
      </c>
    </row>
    <row r="25" spans="1:19" x14ac:dyDescent="0.25">
      <c r="A25">
        <v>24</v>
      </c>
      <c r="B25" t="s">
        <v>18</v>
      </c>
      <c r="C25" s="3" t="s">
        <v>296</v>
      </c>
      <c r="D25" t="s">
        <v>142</v>
      </c>
      <c r="E25" t="s">
        <v>8</v>
      </c>
      <c r="F25" t="s">
        <v>234</v>
      </c>
      <c r="G25" t="s">
        <v>32</v>
      </c>
      <c r="H25">
        <v>1</v>
      </c>
      <c r="I25">
        <v>21</v>
      </c>
      <c r="K25" t="s">
        <v>158</v>
      </c>
      <c r="M25" t="s">
        <v>26</v>
      </c>
      <c r="O25" t="s">
        <v>154</v>
      </c>
      <c r="R25" t="s">
        <v>154</v>
      </c>
    </row>
    <row r="26" spans="1:19" x14ac:dyDescent="0.25">
      <c r="A26">
        <v>25</v>
      </c>
      <c r="B26" t="s">
        <v>24</v>
      </c>
      <c r="C26" t="s">
        <v>83</v>
      </c>
      <c r="D26" t="s">
        <v>142</v>
      </c>
      <c r="E26" t="s">
        <v>8</v>
      </c>
      <c r="F26" t="s">
        <v>204</v>
      </c>
      <c r="G26" t="s">
        <v>33</v>
      </c>
      <c r="H26">
        <v>3</v>
      </c>
      <c r="I26">
        <v>45</v>
      </c>
      <c r="K26" t="s">
        <v>158</v>
      </c>
      <c r="L26" t="s">
        <v>124</v>
      </c>
      <c r="M26" t="s">
        <v>179</v>
      </c>
      <c r="O26" t="s">
        <v>151</v>
      </c>
      <c r="R26" t="s">
        <v>151</v>
      </c>
    </row>
    <row r="27" spans="1:19" x14ac:dyDescent="0.25">
      <c r="A27">
        <v>26</v>
      </c>
      <c r="B27" t="s">
        <v>24</v>
      </c>
      <c r="C27" t="s">
        <v>83</v>
      </c>
      <c r="D27" t="s">
        <v>142</v>
      </c>
      <c r="E27" t="s">
        <v>8</v>
      </c>
      <c r="F27" t="s">
        <v>204</v>
      </c>
      <c r="G27" t="s">
        <v>33</v>
      </c>
      <c r="H27">
        <v>3</v>
      </c>
      <c r="I27">
        <v>61</v>
      </c>
      <c r="J27" t="s">
        <v>182</v>
      </c>
      <c r="K27" t="s">
        <v>159</v>
      </c>
      <c r="L27" t="s">
        <v>165</v>
      </c>
      <c r="M27" t="s">
        <v>179</v>
      </c>
      <c r="O27" t="s">
        <v>174</v>
      </c>
      <c r="R27" t="s">
        <v>174</v>
      </c>
    </row>
    <row r="28" spans="1:19" x14ac:dyDescent="0.25">
      <c r="A28">
        <v>27</v>
      </c>
      <c r="B28" t="s">
        <v>24</v>
      </c>
      <c r="C28" t="s">
        <v>83</v>
      </c>
      <c r="D28" t="s">
        <v>143</v>
      </c>
      <c r="E28" t="s">
        <v>8</v>
      </c>
      <c r="F28" t="s">
        <v>205</v>
      </c>
      <c r="G28" t="s">
        <v>34</v>
      </c>
      <c r="H28">
        <v>1</v>
      </c>
      <c r="I28">
        <v>45</v>
      </c>
      <c r="K28" t="s">
        <v>158</v>
      </c>
      <c r="L28" t="s">
        <v>186</v>
      </c>
      <c r="M28" t="s">
        <v>153</v>
      </c>
      <c r="Q28" t="s">
        <v>156</v>
      </c>
    </row>
    <row r="29" spans="1:19" x14ac:dyDescent="0.25">
      <c r="A29">
        <v>28</v>
      </c>
      <c r="B29" t="s">
        <v>24</v>
      </c>
      <c r="C29" t="s">
        <v>83</v>
      </c>
      <c r="D29" t="s">
        <v>143</v>
      </c>
      <c r="E29" t="s">
        <v>8</v>
      </c>
      <c r="F29" t="s">
        <v>205</v>
      </c>
      <c r="G29" t="s">
        <v>34</v>
      </c>
      <c r="H29">
        <v>1</v>
      </c>
      <c r="I29">
        <v>45</v>
      </c>
      <c r="K29" t="s">
        <v>159</v>
      </c>
      <c r="L29" t="s">
        <v>130</v>
      </c>
      <c r="M29" t="s">
        <v>153</v>
      </c>
      <c r="Q29" t="s">
        <v>175</v>
      </c>
    </row>
    <row r="30" spans="1:19" x14ac:dyDescent="0.25">
      <c r="A30">
        <v>29</v>
      </c>
      <c r="B30" t="s">
        <v>16</v>
      </c>
      <c r="C30" t="s">
        <v>83</v>
      </c>
      <c r="D30" t="s">
        <v>142</v>
      </c>
      <c r="E30" t="s">
        <v>8</v>
      </c>
      <c r="F30" s="3" t="s">
        <v>213</v>
      </c>
      <c r="G30" t="s">
        <v>35</v>
      </c>
      <c r="H30">
        <v>3</v>
      </c>
      <c r="I30">
        <v>39</v>
      </c>
      <c r="K30" t="s">
        <v>146</v>
      </c>
      <c r="L30" t="s">
        <v>165</v>
      </c>
      <c r="M30" t="s">
        <v>178</v>
      </c>
      <c r="N30" t="s">
        <v>151</v>
      </c>
      <c r="Q30" t="s">
        <v>151</v>
      </c>
    </row>
    <row r="31" spans="1:19" x14ac:dyDescent="0.25">
      <c r="A31">
        <v>30</v>
      </c>
      <c r="B31" t="s">
        <v>16</v>
      </c>
      <c r="C31" t="s">
        <v>83</v>
      </c>
      <c r="D31" t="s">
        <v>143</v>
      </c>
      <c r="E31" t="s">
        <v>8</v>
      </c>
      <c r="F31" s="3" t="s">
        <v>214</v>
      </c>
      <c r="G31" t="s">
        <v>36</v>
      </c>
      <c r="H31">
        <v>1</v>
      </c>
      <c r="I31">
        <v>39</v>
      </c>
      <c r="K31" t="s">
        <v>146</v>
      </c>
      <c r="L31" t="s">
        <v>131</v>
      </c>
      <c r="M31" t="s">
        <v>153</v>
      </c>
      <c r="N31" t="s">
        <v>175</v>
      </c>
    </row>
    <row r="32" spans="1:19" x14ac:dyDescent="0.25">
      <c r="A32">
        <v>31</v>
      </c>
      <c r="B32" t="s">
        <v>7</v>
      </c>
      <c r="C32" t="s">
        <v>292</v>
      </c>
      <c r="D32" t="s">
        <v>142</v>
      </c>
      <c r="E32" t="s">
        <v>8</v>
      </c>
      <c r="F32" t="s">
        <v>244</v>
      </c>
      <c r="G32" t="s">
        <v>37</v>
      </c>
      <c r="H32">
        <v>3</v>
      </c>
      <c r="I32">
        <v>40</v>
      </c>
      <c r="J32" t="s">
        <v>163</v>
      </c>
      <c r="K32" t="s">
        <v>146</v>
      </c>
      <c r="M32" t="s">
        <v>179</v>
      </c>
      <c r="N32" t="s">
        <v>174</v>
      </c>
      <c r="Q32" t="s">
        <v>174</v>
      </c>
    </row>
    <row r="33" spans="1:19" x14ac:dyDescent="0.25">
      <c r="A33">
        <v>32</v>
      </c>
      <c r="B33" t="s">
        <v>7</v>
      </c>
      <c r="C33" t="s">
        <v>83</v>
      </c>
      <c r="D33" t="s">
        <v>142</v>
      </c>
      <c r="E33" t="s">
        <v>8</v>
      </c>
      <c r="F33" t="s">
        <v>283</v>
      </c>
      <c r="G33" t="s">
        <v>38</v>
      </c>
      <c r="H33">
        <v>3</v>
      </c>
      <c r="I33">
        <v>40</v>
      </c>
      <c r="K33" t="s">
        <v>146</v>
      </c>
      <c r="L33" t="s">
        <v>167</v>
      </c>
      <c r="M33" t="s">
        <v>178</v>
      </c>
      <c r="O33" t="s">
        <v>176</v>
      </c>
      <c r="R33" t="s">
        <v>176</v>
      </c>
    </row>
    <row r="34" spans="1:19" x14ac:dyDescent="0.25">
      <c r="A34">
        <v>33</v>
      </c>
      <c r="B34" t="s">
        <v>24</v>
      </c>
      <c r="C34" t="s">
        <v>83</v>
      </c>
      <c r="D34" t="s">
        <v>142</v>
      </c>
      <c r="E34" t="s">
        <v>8</v>
      </c>
      <c r="F34" t="s">
        <v>206</v>
      </c>
      <c r="G34" t="s">
        <v>39</v>
      </c>
      <c r="H34">
        <v>3</v>
      </c>
      <c r="I34">
        <v>45</v>
      </c>
      <c r="K34" t="s">
        <v>158</v>
      </c>
      <c r="M34" t="s">
        <v>26</v>
      </c>
      <c r="O34" t="s">
        <v>176</v>
      </c>
      <c r="R34" t="s">
        <v>176</v>
      </c>
    </row>
    <row r="35" spans="1:19" x14ac:dyDescent="0.25">
      <c r="A35">
        <v>34</v>
      </c>
      <c r="B35" t="s">
        <v>24</v>
      </c>
      <c r="C35" t="s">
        <v>83</v>
      </c>
      <c r="D35" t="s">
        <v>142</v>
      </c>
      <c r="E35" t="s">
        <v>8</v>
      </c>
      <c r="F35" t="s">
        <v>206</v>
      </c>
      <c r="G35" t="s">
        <v>39</v>
      </c>
      <c r="H35">
        <v>3</v>
      </c>
      <c r="I35">
        <v>45</v>
      </c>
      <c r="K35" t="s">
        <v>159</v>
      </c>
      <c r="L35" t="s">
        <v>166</v>
      </c>
      <c r="M35" t="s">
        <v>179</v>
      </c>
      <c r="O35" t="s">
        <v>176</v>
      </c>
      <c r="R35" t="s">
        <v>176</v>
      </c>
    </row>
    <row r="36" spans="1:19" x14ac:dyDescent="0.25">
      <c r="A36">
        <v>35</v>
      </c>
      <c r="B36" t="s">
        <v>24</v>
      </c>
      <c r="C36" t="s">
        <v>83</v>
      </c>
      <c r="D36" t="s">
        <v>142</v>
      </c>
      <c r="E36" t="s">
        <v>8</v>
      </c>
      <c r="F36" t="s">
        <v>207</v>
      </c>
      <c r="G36" t="s">
        <v>40</v>
      </c>
      <c r="H36">
        <v>3</v>
      </c>
      <c r="I36">
        <v>45</v>
      </c>
      <c r="K36" t="s">
        <v>158</v>
      </c>
      <c r="L36" t="s">
        <v>123</v>
      </c>
      <c r="M36" t="s">
        <v>173</v>
      </c>
      <c r="O36" t="s">
        <v>174</v>
      </c>
      <c r="R36" t="s">
        <v>174</v>
      </c>
    </row>
    <row r="37" spans="1:19" x14ac:dyDescent="0.25">
      <c r="A37">
        <v>36</v>
      </c>
      <c r="B37" t="s">
        <v>24</v>
      </c>
      <c r="C37" t="s">
        <v>83</v>
      </c>
      <c r="D37" t="s">
        <v>142</v>
      </c>
      <c r="E37" t="s">
        <v>8</v>
      </c>
      <c r="F37" t="s">
        <v>207</v>
      </c>
      <c r="G37" t="s">
        <v>40</v>
      </c>
      <c r="H37">
        <v>3</v>
      </c>
      <c r="I37">
        <v>45</v>
      </c>
      <c r="K37" t="s">
        <v>159</v>
      </c>
      <c r="L37" t="s">
        <v>123</v>
      </c>
      <c r="M37" t="s">
        <v>179</v>
      </c>
      <c r="O37" t="s">
        <v>152</v>
      </c>
      <c r="R37" t="s">
        <v>152</v>
      </c>
    </row>
    <row r="38" spans="1:19" s="3" customFormat="1" x14ac:dyDescent="0.25">
      <c r="A38" s="3">
        <v>37</v>
      </c>
      <c r="B38" s="3" t="s">
        <v>24</v>
      </c>
      <c r="C38" s="3" t="s">
        <v>83</v>
      </c>
      <c r="D38" s="3" t="s">
        <v>143</v>
      </c>
      <c r="E38" s="3" t="s">
        <v>8</v>
      </c>
      <c r="F38" s="3" t="s">
        <v>208</v>
      </c>
      <c r="G38" s="3" t="s">
        <v>41</v>
      </c>
      <c r="H38" s="3">
        <v>1</v>
      </c>
      <c r="I38" s="3">
        <v>30</v>
      </c>
      <c r="K38" s="3" t="s">
        <v>158</v>
      </c>
      <c r="L38" s="3" t="s">
        <v>134</v>
      </c>
      <c r="M38" s="3" t="s">
        <v>168</v>
      </c>
      <c r="Q38" s="3" t="s">
        <v>177</v>
      </c>
    </row>
    <row r="39" spans="1:19" s="3" customFormat="1" x14ac:dyDescent="0.25">
      <c r="A39" s="3">
        <v>38</v>
      </c>
      <c r="B39" s="3" t="s">
        <v>24</v>
      </c>
      <c r="C39" s="3" t="s">
        <v>83</v>
      </c>
      <c r="D39" s="3" t="s">
        <v>143</v>
      </c>
      <c r="E39" s="3" t="s">
        <v>8</v>
      </c>
      <c r="F39" s="3" t="s">
        <v>208</v>
      </c>
      <c r="G39" s="3" t="s">
        <v>41</v>
      </c>
      <c r="H39" s="3">
        <v>1</v>
      </c>
      <c r="I39" s="3">
        <v>30</v>
      </c>
      <c r="K39" s="3" t="s">
        <v>159</v>
      </c>
      <c r="L39" s="3" t="s">
        <v>134</v>
      </c>
      <c r="M39" s="3" t="s">
        <v>169</v>
      </c>
      <c r="Q39" s="3" t="s">
        <v>177</v>
      </c>
    </row>
    <row r="40" spans="1:19" x14ac:dyDescent="0.25">
      <c r="A40">
        <v>39</v>
      </c>
      <c r="B40" t="s">
        <v>24</v>
      </c>
      <c r="C40" t="s">
        <v>83</v>
      </c>
      <c r="D40" t="s">
        <v>143</v>
      </c>
      <c r="E40" t="s">
        <v>8</v>
      </c>
      <c r="F40" t="s">
        <v>208</v>
      </c>
      <c r="G40" t="s">
        <v>41</v>
      </c>
      <c r="H40">
        <v>1</v>
      </c>
      <c r="I40">
        <v>30</v>
      </c>
      <c r="K40" t="s">
        <v>160</v>
      </c>
      <c r="L40" t="s">
        <v>132</v>
      </c>
      <c r="M40" t="s">
        <v>169</v>
      </c>
      <c r="S40" t="s">
        <v>177</v>
      </c>
    </row>
    <row r="41" spans="1:19" s="3" customFormat="1" x14ac:dyDescent="0.25">
      <c r="A41" s="3">
        <v>40</v>
      </c>
      <c r="B41" s="3" t="s">
        <v>16</v>
      </c>
      <c r="D41" s="3" t="s">
        <v>142</v>
      </c>
      <c r="E41" s="3" t="s">
        <v>8</v>
      </c>
      <c r="F41" s="3" t="s">
        <v>289</v>
      </c>
      <c r="G41" s="3" t="s">
        <v>288</v>
      </c>
      <c r="H41" s="3">
        <v>2</v>
      </c>
      <c r="I41" s="3">
        <v>39</v>
      </c>
      <c r="J41" s="3" t="s">
        <v>10</v>
      </c>
      <c r="K41" s="3" t="s">
        <v>146</v>
      </c>
      <c r="M41" s="3" t="s">
        <v>11</v>
      </c>
      <c r="N41" s="3" t="s">
        <v>154</v>
      </c>
      <c r="Q41" s="3" t="s">
        <v>154</v>
      </c>
    </row>
    <row r="42" spans="1:19" x14ac:dyDescent="0.25">
      <c r="A42">
        <v>41</v>
      </c>
      <c r="B42" t="s">
        <v>19</v>
      </c>
      <c r="C42" t="s">
        <v>83</v>
      </c>
      <c r="D42" t="s">
        <v>142</v>
      </c>
      <c r="E42" t="s">
        <v>8</v>
      </c>
      <c r="F42" t="s">
        <v>221</v>
      </c>
      <c r="G42" t="s">
        <v>42</v>
      </c>
      <c r="H42">
        <v>3</v>
      </c>
      <c r="I42">
        <v>67</v>
      </c>
      <c r="K42" t="s">
        <v>146</v>
      </c>
      <c r="L42" t="s">
        <v>137</v>
      </c>
      <c r="M42" t="s">
        <v>26</v>
      </c>
      <c r="O42" t="s">
        <v>174</v>
      </c>
      <c r="R42" t="s">
        <v>174</v>
      </c>
    </row>
    <row r="43" spans="1:19" x14ac:dyDescent="0.25">
      <c r="A43">
        <v>42</v>
      </c>
      <c r="B43" t="s">
        <v>19</v>
      </c>
      <c r="C43" t="s">
        <v>83</v>
      </c>
      <c r="D43" t="s">
        <v>142</v>
      </c>
      <c r="E43" t="s">
        <v>8</v>
      </c>
      <c r="F43" t="s">
        <v>222</v>
      </c>
      <c r="G43" t="s">
        <v>43</v>
      </c>
      <c r="H43">
        <v>2</v>
      </c>
      <c r="I43">
        <v>67</v>
      </c>
      <c r="K43" t="s">
        <v>146</v>
      </c>
      <c r="L43" t="s">
        <v>127</v>
      </c>
      <c r="M43" t="s">
        <v>173</v>
      </c>
      <c r="N43" t="s">
        <v>151</v>
      </c>
      <c r="Q43" t="s">
        <v>151</v>
      </c>
    </row>
    <row r="44" spans="1:19" x14ac:dyDescent="0.25">
      <c r="A44">
        <v>43</v>
      </c>
      <c r="B44" t="s">
        <v>19</v>
      </c>
      <c r="C44" t="s">
        <v>83</v>
      </c>
      <c r="D44" t="s">
        <v>143</v>
      </c>
      <c r="E44" t="s">
        <v>8</v>
      </c>
      <c r="F44" t="s">
        <v>223</v>
      </c>
      <c r="G44" t="s">
        <v>44</v>
      </c>
      <c r="H44">
        <v>1</v>
      </c>
      <c r="I44">
        <v>34</v>
      </c>
      <c r="K44" t="s">
        <v>158</v>
      </c>
      <c r="L44" t="s">
        <v>132</v>
      </c>
      <c r="M44" t="s">
        <v>170</v>
      </c>
      <c r="P44" t="s">
        <v>156</v>
      </c>
    </row>
    <row r="45" spans="1:19" x14ac:dyDescent="0.25">
      <c r="A45">
        <v>44</v>
      </c>
      <c r="B45" t="s">
        <v>19</v>
      </c>
      <c r="C45" t="s">
        <v>83</v>
      </c>
      <c r="D45" t="s">
        <v>143</v>
      </c>
      <c r="E45" t="s">
        <v>8</v>
      </c>
      <c r="F45" t="s">
        <v>223</v>
      </c>
      <c r="G45" t="s">
        <v>44</v>
      </c>
      <c r="H45">
        <v>1</v>
      </c>
      <c r="I45">
        <v>33</v>
      </c>
      <c r="K45" t="s">
        <v>159</v>
      </c>
      <c r="L45" t="s">
        <v>132</v>
      </c>
      <c r="M45" t="s">
        <v>153</v>
      </c>
      <c r="Q45" t="s">
        <v>177</v>
      </c>
    </row>
    <row r="46" spans="1:19" x14ac:dyDescent="0.25">
      <c r="A46">
        <v>45</v>
      </c>
      <c r="B46" t="s">
        <v>19</v>
      </c>
      <c r="C46" t="s">
        <v>83</v>
      </c>
      <c r="D46" t="s">
        <v>142</v>
      </c>
      <c r="E46" t="s">
        <v>8</v>
      </c>
      <c r="F46" t="s">
        <v>224</v>
      </c>
      <c r="G46" t="s">
        <v>45</v>
      </c>
      <c r="H46">
        <v>3</v>
      </c>
      <c r="I46">
        <v>67</v>
      </c>
      <c r="K46" t="s">
        <v>146</v>
      </c>
      <c r="L46" t="s">
        <v>129</v>
      </c>
      <c r="M46" t="s">
        <v>173</v>
      </c>
      <c r="O46" t="s">
        <v>152</v>
      </c>
      <c r="R46" t="s">
        <v>152</v>
      </c>
    </row>
    <row r="47" spans="1:19" x14ac:dyDescent="0.25">
      <c r="A47">
        <v>46</v>
      </c>
      <c r="B47" t="s">
        <v>19</v>
      </c>
      <c r="C47" t="s">
        <v>83</v>
      </c>
      <c r="D47" t="s">
        <v>143</v>
      </c>
      <c r="E47" t="s">
        <v>8</v>
      </c>
      <c r="F47" t="s">
        <v>225</v>
      </c>
      <c r="G47" t="s">
        <v>46</v>
      </c>
      <c r="H47">
        <v>1</v>
      </c>
      <c r="I47">
        <v>22</v>
      </c>
      <c r="K47" t="s">
        <v>158</v>
      </c>
      <c r="L47" t="s">
        <v>138</v>
      </c>
      <c r="M47" t="s">
        <v>169</v>
      </c>
      <c r="P47" t="s">
        <v>177</v>
      </c>
    </row>
    <row r="48" spans="1:19" x14ac:dyDescent="0.25">
      <c r="A48">
        <v>47</v>
      </c>
      <c r="B48" t="s">
        <v>19</v>
      </c>
      <c r="C48" t="s">
        <v>83</v>
      </c>
      <c r="D48" t="s">
        <v>143</v>
      </c>
      <c r="E48" t="s">
        <v>8</v>
      </c>
      <c r="F48" t="s">
        <v>225</v>
      </c>
      <c r="G48" t="s">
        <v>46</v>
      </c>
      <c r="H48">
        <v>1</v>
      </c>
      <c r="I48">
        <v>22</v>
      </c>
      <c r="K48" t="s">
        <v>159</v>
      </c>
      <c r="L48" t="s">
        <v>138</v>
      </c>
      <c r="M48" t="s">
        <v>169</v>
      </c>
      <c r="P48" t="s">
        <v>175</v>
      </c>
    </row>
    <row r="49" spans="1:19" x14ac:dyDescent="0.25">
      <c r="A49">
        <v>48</v>
      </c>
      <c r="B49" t="s">
        <v>19</v>
      </c>
      <c r="C49" t="s">
        <v>83</v>
      </c>
      <c r="D49" t="s">
        <v>143</v>
      </c>
      <c r="E49" t="s">
        <v>8</v>
      </c>
      <c r="F49" t="s">
        <v>225</v>
      </c>
      <c r="G49" t="s">
        <v>46</v>
      </c>
      <c r="H49">
        <v>1</v>
      </c>
      <c r="I49">
        <v>22</v>
      </c>
      <c r="K49" t="s">
        <v>160</v>
      </c>
      <c r="L49" t="s">
        <v>138</v>
      </c>
      <c r="M49" t="s">
        <v>169</v>
      </c>
      <c r="N49" t="s">
        <v>175</v>
      </c>
    </row>
    <row r="50" spans="1:19" x14ac:dyDescent="0.25">
      <c r="A50">
        <v>49</v>
      </c>
      <c r="B50" t="s">
        <v>27</v>
      </c>
      <c r="C50" t="s">
        <v>83</v>
      </c>
      <c r="D50" t="s">
        <v>142</v>
      </c>
      <c r="E50" t="s">
        <v>8</v>
      </c>
      <c r="F50" t="s">
        <v>227</v>
      </c>
      <c r="G50" t="s">
        <v>47</v>
      </c>
      <c r="H50">
        <v>3</v>
      </c>
      <c r="I50">
        <v>14</v>
      </c>
      <c r="K50" t="s">
        <v>146</v>
      </c>
      <c r="L50" t="s">
        <v>129</v>
      </c>
      <c r="M50" t="s">
        <v>26</v>
      </c>
      <c r="O50" t="s">
        <v>172</v>
      </c>
      <c r="P50" t="s">
        <v>172</v>
      </c>
    </row>
    <row r="51" spans="1:19" x14ac:dyDescent="0.25">
      <c r="A51">
        <v>50</v>
      </c>
      <c r="B51" t="s">
        <v>27</v>
      </c>
      <c r="C51" t="s">
        <v>83</v>
      </c>
      <c r="D51" t="s">
        <v>142</v>
      </c>
      <c r="E51" t="s">
        <v>8</v>
      </c>
      <c r="F51" t="s">
        <v>228</v>
      </c>
      <c r="G51" t="s">
        <v>48</v>
      </c>
      <c r="H51">
        <v>3</v>
      </c>
      <c r="I51">
        <v>14</v>
      </c>
      <c r="K51" t="s">
        <v>146</v>
      </c>
      <c r="L51" t="s">
        <v>187</v>
      </c>
      <c r="M51" t="s">
        <v>179</v>
      </c>
      <c r="N51" t="s">
        <v>176</v>
      </c>
      <c r="Q51" t="s">
        <v>176</v>
      </c>
    </row>
    <row r="52" spans="1:19" x14ac:dyDescent="0.25">
      <c r="A52">
        <v>51</v>
      </c>
      <c r="B52" t="s">
        <v>27</v>
      </c>
      <c r="C52" t="s">
        <v>83</v>
      </c>
      <c r="D52" t="s">
        <v>143</v>
      </c>
      <c r="E52" t="s">
        <v>8</v>
      </c>
      <c r="F52" t="s">
        <v>229</v>
      </c>
      <c r="G52" t="s">
        <v>49</v>
      </c>
      <c r="H52">
        <v>1</v>
      </c>
      <c r="I52">
        <v>14</v>
      </c>
      <c r="K52" t="s">
        <v>146</v>
      </c>
      <c r="L52" t="s">
        <v>132</v>
      </c>
      <c r="M52" t="s">
        <v>155</v>
      </c>
      <c r="N52" t="s">
        <v>156</v>
      </c>
    </row>
    <row r="53" spans="1:19" x14ac:dyDescent="0.25">
      <c r="A53">
        <v>52</v>
      </c>
      <c r="B53" t="s">
        <v>27</v>
      </c>
      <c r="C53" t="s">
        <v>83</v>
      </c>
      <c r="D53" t="s">
        <v>142</v>
      </c>
      <c r="E53" t="s">
        <v>8</v>
      </c>
      <c r="F53" t="s">
        <v>230</v>
      </c>
      <c r="G53" t="s">
        <v>50</v>
      </c>
      <c r="H53">
        <v>3</v>
      </c>
      <c r="I53">
        <v>14</v>
      </c>
      <c r="K53" t="s">
        <v>146</v>
      </c>
      <c r="L53" t="s">
        <v>166</v>
      </c>
      <c r="M53" t="s">
        <v>173</v>
      </c>
      <c r="N53" t="s">
        <v>174</v>
      </c>
      <c r="Q53" t="s">
        <v>174</v>
      </c>
    </row>
    <row r="54" spans="1:19" x14ac:dyDescent="0.25">
      <c r="A54">
        <v>53</v>
      </c>
      <c r="B54" t="s">
        <v>27</v>
      </c>
      <c r="C54" t="s">
        <v>83</v>
      </c>
      <c r="D54" t="s">
        <v>143</v>
      </c>
      <c r="E54" t="s">
        <v>8</v>
      </c>
      <c r="F54" t="s">
        <v>231</v>
      </c>
      <c r="G54" t="s">
        <v>51</v>
      </c>
      <c r="H54">
        <v>1</v>
      </c>
      <c r="I54">
        <v>14</v>
      </c>
      <c r="K54" t="s">
        <v>146</v>
      </c>
      <c r="L54" t="s">
        <v>139</v>
      </c>
      <c r="M54" t="s">
        <v>169</v>
      </c>
      <c r="Q54" t="s">
        <v>156</v>
      </c>
    </row>
    <row r="55" spans="1:19" x14ac:dyDescent="0.25">
      <c r="A55">
        <v>54</v>
      </c>
      <c r="B55" t="s">
        <v>27</v>
      </c>
      <c r="C55" t="s">
        <v>83</v>
      </c>
      <c r="D55" t="s">
        <v>142</v>
      </c>
      <c r="E55" t="s">
        <v>8</v>
      </c>
      <c r="F55" t="s">
        <v>232</v>
      </c>
      <c r="G55" t="s">
        <v>52</v>
      </c>
      <c r="H55">
        <v>3</v>
      </c>
      <c r="I55">
        <v>14</v>
      </c>
      <c r="K55" t="s">
        <v>146</v>
      </c>
      <c r="L55" t="s">
        <v>166</v>
      </c>
      <c r="M55" t="s">
        <v>173</v>
      </c>
      <c r="O55" t="s">
        <v>180</v>
      </c>
      <c r="R55" t="s">
        <v>180</v>
      </c>
    </row>
    <row r="56" spans="1:19" x14ac:dyDescent="0.25">
      <c r="A56">
        <v>55</v>
      </c>
      <c r="B56" t="s">
        <v>27</v>
      </c>
      <c r="C56" t="s">
        <v>83</v>
      </c>
      <c r="D56" t="s">
        <v>143</v>
      </c>
      <c r="E56" t="s">
        <v>8</v>
      </c>
      <c r="F56" t="s">
        <v>233</v>
      </c>
      <c r="G56" t="s">
        <v>53</v>
      </c>
      <c r="H56">
        <v>1</v>
      </c>
      <c r="I56">
        <v>14</v>
      </c>
      <c r="K56" t="s">
        <v>146</v>
      </c>
      <c r="L56" t="s">
        <v>138</v>
      </c>
      <c r="M56" t="s">
        <v>168</v>
      </c>
      <c r="P56" t="s">
        <v>156</v>
      </c>
    </row>
    <row r="57" spans="1:19" x14ac:dyDescent="0.25">
      <c r="A57">
        <v>56</v>
      </c>
      <c r="B57" t="s">
        <v>18</v>
      </c>
      <c r="C57" t="s">
        <v>83</v>
      </c>
      <c r="D57" t="s">
        <v>142</v>
      </c>
      <c r="E57" t="s">
        <v>8</v>
      </c>
      <c r="F57" t="s">
        <v>240</v>
      </c>
      <c r="G57" t="s">
        <v>54</v>
      </c>
      <c r="H57">
        <v>3</v>
      </c>
      <c r="I57">
        <v>21</v>
      </c>
      <c r="K57" t="s">
        <v>158</v>
      </c>
      <c r="L57" t="s">
        <v>125</v>
      </c>
      <c r="M57" t="s">
        <v>26</v>
      </c>
      <c r="N57" t="s">
        <v>174</v>
      </c>
      <c r="Q57" t="s">
        <v>174</v>
      </c>
    </row>
    <row r="58" spans="1:19" x14ac:dyDescent="0.25">
      <c r="A58">
        <v>57</v>
      </c>
      <c r="B58" t="s">
        <v>18</v>
      </c>
      <c r="C58" t="s">
        <v>83</v>
      </c>
      <c r="D58" t="s">
        <v>143</v>
      </c>
      <c r="E58" t="s">
        <v>8</v>
      </c>
      <c r="F58" t="s">
        <v>241</v>
      </c>
      <c r="G58" t="s">
        <v>55</v>
      </c>
      <c r="H58">
        <v>1</v>
      </c>
      <c r="I58">
        <v>21</v>
      </c>
      <c r="K58" t="s">
        <v>158</v>
      </c>
      <c r="L58" t="s">
        <v>131</v>
      </c>
      <c r="M58" t="s">
        <v>169</v>
      </c>
      <c r="O58" t="s">
        <v>175</v>
      </c>
    </row>
    <row r="59" spans="1:19" x14ac:dyDescent="0.25">
      <c r="A59">
        <v>58</v>
      </c>
      <c r="B59" t="s">
        <v>18</v>
      </c>
      <c r="C59" t="s">
        <v>83</v>
      </c>
      <c r="D59" t="s">
        <v>142</v>
      </c>
      <c r="E59" t="s">
        <v>8</v>
      </c>
      <c r="F59" t="s">
        <v>235</v>
      </c>
      <c r="G59" t="s">
        <v>56</v>
      </c>
      <c r="H59">
        <v>3</v>
      </c>
      <c r="I59">
        <v>21</v>
      </c>
      <c r="J59" t="s">
        <v>164</v>
      </c>
      <c r="K59" t="s">
        <v>158</v>
      </c>
      <c r="L59" t="s">
        <v>128</v>
      </c>
      <c r="M59" t="s">
        <v>11</v>
      </c>
      <c r="O59" t="s">
        <v>152</v>
      </c>
      <c r="R59" t="s">
        <v>152</v>
      </c>
    </row>
    <row r="60" spans="1:19" x14ac:dyDescent="0.25">
      <c r="A60">
        <v>59</v>
      </c>
      <c r="B60" t="s">
        <v>18</v>
      </c>
      <c r="C60" t="s">
        <v>83</v>
      </c>
      <c r="D60" t="s">
        <v>142</v>
      </c>
      <c r="E60" t="s">
        <v>8</v>
      </c>
      <c r="F60" t="s">
        <v>236</v>
      </c>
      <c r="G60" t="s">
        <v>57</v>
      </c>
      <c r="H60">
        <v>3</v>
      </c>
      <c r="I60">
        <v>21</v>
      </c>
      <c r="K60" t="s">
        <v>158</v>
      </c>
      <c r="L60" t="s">
        <v>129</v>
      </c>
      <c r="M60" t="s">
        <v>26</v>
      </c>
      <c r="N60" t="s">
        <v>152</v>
      </c>
      <c r="Q60" t="s">
        <v>152</v>
      </c>
    </row>
    <row r="61" spans="1:19" x14ac:dyDescent="0.25">
      <c r="A61">
        <v>60</v>
      </c>
      <c r="B61" t="s">
        <v>18</v>
      </c>
      <c r="C61" t="s">
        <v>83</v>
      </c>
      <c r="D61" t="s">
        <v>143</v>
      </c>
      <c r="E61" t="s">
        <v>8</v>
      </c>
      <c r="F61" t="s">
        <v>237</v>
      </c>
      <c r="G61" t="s">
        <v>58</v>
      </c>
      <c r="H61">
        <v>1</v>
      </c>
      <c r="I61">
        <v>21</v>
      </c>
      <c r="K61" t="s">
        <v>158</v>
      </c>
      <c r="L61" t="s">
        <v>138</v>
      </c>
      <c r="M61" t="s">
        <v>168</v>
      </c>
      <c r="S61" t="s">
        <v>175</v>
      </c>
    </row>
    <row r="62" spans="1:19" x14ac:dyDescent="0.25">
      <c r="A62">
        <v>61</v>
      </c>
      <c r="B62" t="s">
        <v>18</v>
      </c>
      <c r="C62" t="s">
        <v>83</v>
      </c>
      <c r="D62" t="s">
        <v>142</v>
      </c>
      <c r="E62" t="s">
        <v>8</v>
      </c>
      <c r="F62" t="s">
        <v>238</v>
      </c>
      <c r="G62" t="s">
        <v>59</v>
      </c>
      <c r="H62">
        <v>3</v>
      </c>
      <c r="I62">
        <v>21</v>
      </c>
      <c r="J62" t="s">
        <v>60</v>
      </c>
      <c r="K62" t="s">
        <v>158</v>
      </c>
      <c r="L62" t="s">
        <v>128</v>
      </c>
      <c r="M62" t="s">
        <v>26</v>
      </c>
      <c r="N62" t="s">
        <v>172</v>
      </c>
      <c r="Q62" t="s">
        <v>172</v>
      </c>
    </row>
    <row r="63" spans="1:19" x14ac:dyDescent="0.25">
      <c r="A63">
        <v>62</v>
      </c>
      <c r="B63" t="s">
        <v>18</v>
      </c>
      <c r="C63" t="s">
        <v>83</v>
      </c>
      <c r="D63" t="s">
        <v>143</v>
      </c>
      <c r="E63" t="s">
        <v>8</v>
      </c>
      <c r="F63" t="s">
        <v>239</v>
      </c>
      <c r="G63" t="s">
        <v>61</v>
      </c>
      <c r="H63">
        <v>1</v>
      </c>
      <c r="I63">
        <v>21</v>
      </c>
      <c r="K63" t="s">
        <v>158</v>
      </c>
      <c r="L63" t="s">
        <v>136</v>
      </c>
      <c r="M63" t="s">
        <v>153</v>
      </c>
      <c r="S63" t="s">
        <v>177</v>
      </c>
    </row>
    <row r="64" spans="1:19" x14ac:dyDescent="0.25">
      <c r="A64">
        <v>63</v>
      </c>
      <c r="B64" t="s">
        <v>16</v>
      </c>
      <c r="C64" t="s">
        <v>83</v>
      </c>
      <c r="D64" t="s">
        <v>142</v>
      </c>
      <c r="E64" t="s">
        <v>8</v>
      </c>
      <c r="F64" s="3" t="s">
        <v>215</v>
      </c>
      <c r="G64" t="s">
        <v>62</v>
      </c>
      <c r="H64">
        <v>3</v>
      </c>
      <c r="I64">
        <v>39</v>
      </c>
      <c r="K64" t="s">
        <v>146</v>
      </c>
      <c r="L64" t="s">
        <v>126</v>
      </c>
      <c r="M64" t="s">
        <v>173</v>
      </c>
      <c r="N64" t="s">
        <v>176</v>
      </c>
      <c r="Q64" t="s">
        <v>176</v>
      </c>
    </row>
    <row r="65" spans="1:19" x14ac:dyDescent="0.25">
      <c r="A65">
        <v>64</v>
      </c>
      <c r="B65" t="s">
        <v>16</v>
      </c>
      <c r="C65" t="s">
        <v>83</v>
      </c>
      <c r="D65" t="s">
        <v>143</v>
      </c>
      <c r="E65" t="s">
        <v>8</v>
      </c>
      <c r="F65" s="3" t="s">
        <v>216</v>
      </c>
      <c r="G65" t="s">
        <v>63</v>
      </c>
      <c r="H65">
        <v>1</v>
      </c>
      <c r="I65">
        <v>39</v>
      </c>
      <c r="K65" t="s">
        <v>158</v>
      </c>
      <c r="L65" t="s">
        <v>136</v>
      </c>
      <c r="M65" t="s">
        <v>170</v>
      </c>
      <c r="R65" t="s">
        <v>156</v>
      </c>
    </row>
    <row r="66" spans="1:19" x14ac:dyDescent="0.25">
      <c r="A66">
        <v>65</v>
      </c>
      <c r="B66" t="s">
        <v>16</v>
      </c>
      <c r="C66" t="s">
        <v>83</v>
      </c>
      <c r="D66" t="s">
        <v>143</v>
      </c>
      <c r="E66" t="s">
        <v>8</v>
      </c>
      <c r="F66" s="3" t="s">
        <v>216</v>
      </c>
      <c r="G66" t="s">
        <v>63</v>
      </c>
      <c r="H66">
        <v>1</v>
      </c>
      <c r="I66">
        <v>39</v>
      </c>
      <c r="K66" t="s">
        <v>159</v>
      </c>
      <c r="L66" t="s">
        <v>136</v>
      </c>
      <c r="M66" t="s">
        <v>170</v>
      </c>
      <c r="R66" t="s">
        <v>177</v>
      </c>
    </row>
    <row r="67" spans="1:19" x14ac:dyDescent="0.25">
      <c r="A67">
        <v>66</v>
      </c>
      <c r="B67" t="s">
        <v>24</v>
      </c>
      <c r="C67" t="s">
        <v>291</v>
      </c>
      <c r="D67" t="s">
        <v>142</v>
      </c>
      <c r="E67" t="s">
        <v>8</v>
      </c>
      <c r="F67" t="s">
        <v>209</v>
      </c>
      <c r="G67" t="s">
        <v>64</v>
      </c>
      <c r="H67">
        <v>2</v>
      </c>
      <c r="I67">
        <v>45</v>
      </c>
      <c r="K67" t="s">
        <v>158</v>
      </c>
      <c r="M67" t="s">
        <v>11</v>
      </c>
      <c r="P67" t="s">
        <v>174</v>
      </c>
      <c r="S67" t="s">
        <v>174</v>
      </c>
    </row>
    <row r="68" spans="1:19" x14ac:dyDescent="0.25">
      <c r="A68">
        <v>67</v>
      </c>
      <c r="B68" t="s">
        <v>24</v>
      </c>
      <c r="C68" t="s">
        <v>291</v>
      </c>
      <c r="D68" t="s">
        <v>142</v>
      </c>
      <c r="E68" t="s">
        <v>8</v>
      </c>
      <c r="F68" t="s">
        <v>209</v>
      </c>
      <c r="G68" t="s">
        <v>64</v>
      </c>
      <c r="H68">
        <v>2</v>
      </c>
      <c r="I68">
        <v>45</v>
      </c>
      <c r="K68" t="s">
        <v>159</v>
      </c>
      <c r="M68" t="s">
        <v>179</v>
      </c>
      <c r="P68" t="s">
        <v>174</v>
      </c>
      <c r="S68" t="s">
        <v>174</v>
      </c>
    </row>
    <row r="69" spans="1:19" x14ac:dyDescent="0.25">
      <c r="A69">
        <v>68</v>
      </c>
      <c r="B69" t="s">
        <v>24</v>
      </c>
      <c r="C69" t="s">
        <v>291</v>
      </c>
      <c r="D69" t="s">
        <v>142</v>
      </c>
      <c r="E69" t="s">
        <v>65</v>
      </c>
      <c r="F69" t="s">
        <v>248</v>
      </c>
      <c r="G69" t="s">
        <v>29</v>
      </c>
      <c r="H69">
        <v>2</v>
      </c>
      <c r="I69">
        <v>28</v>
      </c>
      <c r="K69" t="s">
        <v>147</v>
      </c>
      <c r="M69" t="s">
        <v>173</v>
      </c>
      <c r="P69" t="s">
        <v>174</v>
      </c>
      <c r="S69" t="s">
        <v>174</v>
      </c>
    </row>
    <row r="70" spans="1:19" x14ac:dyDescent="0.25">
      <c r="A70">
        <v>69</v>
      </c>
      <c r="B70" t="s">
        <v>24</v>
      </c>
      <c r="C70" t="s">
        <v>290</v>
      </c>
      <c r="D70" t="s">
        <v>142</v>
      </c>
      <c r="E70" t="s">
        <v>65</v>
      </c>
      <c r="F70" t="s">
        <v>266</v>
      </c>
      <c r="G70" t="s">
        <v>31</v>
      </c>
      <c r="H70">
        <v>3</v>
      </c>
      <c r="I70">
        <v>28</v>
      </c>
      <c r="K70" t="s">
        <v>147</v>
      </c>
      <c r="M70" t="s">
        <v>173</v>
      </c>
      <c r="P70" t="s">
        <v>172</v>
      </c>
      <c r="S70" t="s">
        <v>172</v>
      </c>
    </row>
    <row r="71" spans="1:19" x14ac:dyDescent="0.25">
      <c r="A71">
        <v>70</v>
      </c>
      <c r="B71" t="s">
        <v>24</v>
      </c>
      <c r="C71" t="s">
        <v>83</v>
      </c>
      <c r="D71" t="s">
        <v>142</v>
      </c>
      <c r="E71" t="s">
        <v>65</v>
      </c>
      <c r="F71" t="s">
        <v>267</v>
      </c>
      <c r="G71" t="s">
        <v>66</v>
      </c>
      <c r="H71">
        <v>3</v>
      </c>
      <c r="I71">
        <v>28</v>
      </c>
      <c r="K71" t="s">
        <v>147</v>
      </c>
      <c r="L71" t="s">
        <v>124</v>
      </c>
      <c r="M71" t="s">
        <v>26</v>
      </c>
      <c r="N71" t="s">
        <v>151</v>
      </c>
      <c r="Q71" t="s">
        <v>151</v>
      </c>
    </row>
    <row r="72" spans="1:19" x14ac:dyDescent="0.25">
      <c r="A72">
        <v>71</v>
      </c>
      <c r="B72" t="s">
        <v>24</v>
      </c>
      <c r="C72" t="s">
        <v>83</v>
      </c>
      <c r="D72" t="s">
        <v>143</v>
      </c>
      <c r="E72" t="s">
        <v>65</v>
      </c>
      <c r="F72" t="s">
        <v>268</v>
      </c>
      <c r="G72" t="s">
        <v>67</v>
      </c>
      <c r="H72">
        <v>1</v>
      </c>
      <c r="I72">
        <v>28</v>
      </c>
      <c r="K72" t="s">
        <v>147</v>
      </c>
      <c r="L72" t="s">
        <v>186</v>
      </c>
      <c r="M72" t="s">
        <v>169</v>
      </c>
      <c r="Q72" t="s">
        <v>175</v>
      </c>
    </row>
    <row r="73" spans="1:19" x14ac:dyDescent="0.25">
      <c r="A73">
        <v>72</v>
      </c>
      <c r="B73" t="s">
        <v>24</v>
      </c>
      <c r="C73" t="s">
        <v>83</v>
      </c>
      <c r="D73" t="s">
        <v>142</v>
      </c>
      <c r="E73" t="s">
        <v>65</v>
      </c>
      <c r="F73" t="s">
        <v>269</v>
      </c>
      <c r="G73" t="s">
        <v>68</v>
      </c>
      <c r="H73">
        <v>2</v>
      </c>
      <c r="I73">
        <v>28</v>
      </c>
      <c r="K73" t="s">
        <v>147</v>
      </c>
      <c r="L73" t="s">
        <v>123</v>
      </c>
      <c r="M73" t="s">
        <v>173</v>
      </c>
      <c r="N73" t="s">
        <v>152</v>
      </c>
      <c r="Q73" t="s">
        <v>152</v>
      </c>
    </row>
    <row r="74" spans="1:19" x14ac:dyDescent="0.25">
      <c r="A74">
        <v>73</v>
      </c>
      <c r="B74" t="s">
        <v>24</v>
      </c>
      <c r="C74" t="s">
        <v>83</v>
      </c>
      <c r="D74" t="s">
        <v>143</v>
      </c>
      <c r="E74" t="s">
        <v>65</v>
      </c>
      <c r="F74" t="s">
        <v>270</v>
      </c>
      <c r="G74" t="s">
        <v>69</v>
      </c>
      <c r="H74">
        <v>1</v>
      </c>
      <c r="I74">
        <v>28</v>
      </c>
      <c r="K74" t="s">
        <v>147</v>
      </c>
      <c r="L74" t="s">
        <v>131</v>
      </c>
      <c r="M74" t="s">
        <v>169</v>
      </c>
      <c r="R74" t="s">
        <v>177</v>
      </c>
    </row>
    <row r="75" spans="1:19" x14ac:dyDescent="0.25">
      <c r="A75">
        <v>74</v>
      </c>
      <c r="B75" t="s">
        <v>24</v>
      </c>
      <c r="D75" t="s">
        <v>142</v>
      </c>
      <c r="E75" t="s">
        <v>65</v>
      </c>
      <c r="F75" t="s">
        <v>271</v>
      </c>
      <c r="G75" t="s">
        <v>70</v>
      </c>
      <c r="H75">
        <v>3</v>
      </c>
      <c r="I75">
        <v>28</v>
      </c>
      <c r="K75" t="s">
        <v>147</v>
      </c>
      <c r="M75" t="s">
        <v>173</v>
      </c>
      <c r="P75" t="s">
        <v>152</v>
      </c>
      <c r="S75" t="s">
        <v>152</v>
      </c>
    </row>
    <row r="76" spans="1:19" x14ac:dyDescent="0.25">
      <c r="A76">
        <v>75</v>
      </c>
      <c r="B76" t="s">
        <v>24</v>
      </c>
      <c r="C76" t="s">
        <v>83</v>
      </c>
      <c r="D76" t="s">
        <v>142</v>
      </c>
      <c r="E76" t="s">
        <v>65</v>
      </c>
      <c r="F76" t="s">
        <v>272</v>
      </c>
      <c r="G76" t="s">
        <v>71</v>
      </c>
      <c r="H76">
        <v>3</v>
      </c>
      <c r="I76">
        <v>28</v>
      </c>
      <c r="K76" t="s">
        <v>147</v>
      </c>
      <c r="L76" t="s">
        <v>165</v>
      </c>
      <c r="M76" t="s">
        <v>173</v>
      </c>
      <c r="N76" t="s">
        <v>154</v>
      </c>
      <c r="Q76" t="s">
        <v>154</v>
      </c>
    </row>
    <row r="77" spans="1:19" x14ac:dyDescent="0.25">
      <c r="A77">
        <v>76</v>
      </c>
      <c r="B77" t="s">
        <v>19</v>
      </c>
      <c r="C77" t="s">
        <v>83</v>
      </c>
      <c r="D77" t="s">
        <v>142</v>
      </c>
      <c r="E77" t="s">
        <v>65</v>
      </c>
      <c r="F77" t="s">
        <v>255</v>
      </c>
      <c r="G77" t="s">
        <v>72</v>
      </c>
      <c r="H77">
        <v>2</v>
      </c>
      <c r="I77">
        <v>20</v>
      </c>
      <c r="K77" t="s">
        <v>147</v>
      </c>
      <c r="L77" t="s">
        <v>187</v>
      </c>
      <c r="M77" t="s">
        <v>178</v>
      </c>
      <c r="N77" t="s">
        <v>154</v>
      </c>
      <c r="Q77" t="s">
        <v>154</v>
      </c>
    </row>
    <row r="78" spans="1:19" x14ac:dyDescent="0.25">
      <c r="A78">
        <v>77</v>
      </c>
      <c r="B78" t="s">
        <v>19</v>
      </c>
      <c r="C78" t="s">
        <v>83</v>
      </c>
      <c r="D78" t="s">
        <v>143</v>
      </c>
      <c r="E78" t="s">
        <v>65</v>
      </c>
      <c r="F78" t="s">
        <v>256</v>
      </c>
      <c r="G78" t="s">
        <v>73</v>
      </c>
      <c r="H78">
        <v>1</v>
      </c>
      <c r="I78">
        <v>20</v>
      </c>
      <c r="K78" t="s">
        <v>147</v>
      </c>
      <c r="L78" t="s">
        <v>132</v>
      </c>
      <c r="M78" t="s">
        <v>169</v>
      </c>
      <c r="S78" t="s">
        <v>175</v>
      </c>
    </row>
    <row r="79" spans="1:19" x14ac:dyDescent="0.25">
      <c r="A79">
        <v>78</v>
      </c>
      <c r="B79" t="s">
        <v>19</v>
      </c>
      <c r="C79" t="s">
        <v>83</v>
      </c>
      <c r="D79" t="s">
        <v>142</v>
      </c>
      <c r="E79" t="s">
        <v>65</v>
      </c>
      <c r="F79" t="s">
        <v>257</v>
      </c>
      <c r="G79" t="s">
        <v>74</v>
      </c>
      <c r="H79">
        <v>2</v>
      </c>
      <c r="I79">
        <v>20</v>
      </c>
      <c r="K79" t="s">
        <v>147</v>
      </c>
      <c r="L79" t="s">
        <v>127</v>
      </c>
      <c r="M79" t="s">
        <v>153</v>
      </c>
      <c r="O79" t="s">
        <v>151</v>
      </c>
      <c r="R79" t="s">
        <v>151</v>
      </c>
    </row>
    <row r="80" spans="1:19" x14ac:dyDescent="0.25">
      <c r="A80">
        <v>79</v>
      </c>
      <c r="B80" t="s">
        <v>19</v>
      </c>
      <c r="C80" t="s">
        <v>83</v>
      </c>
      <c r="D80" t="s">
        <v>143</v>
      </c>
      <c r="E80" t="s">
        <v>65</v>
      </c>
      <c r="F80" t="s">
        <v>258</v>
      </c>
      <c r="G80" t="s">
        <v>75</v>
      </c>
      <c r="H80">
        <v>1</v>
      </c>
      <c r="I80">
        <v>20</v>
      </c>
      <c r="K80" t="s">
        <v>147</v>
      </c>
      <c r="L80" t="s">
        <v>130</v>
      </c>
      <c r="M80" t="s">
        <v>168</v>
      </c>
      <c r="O80" t="s">
        <v>175</v>
      </c>
    </row>
    <row r="81" spans="1:19" x14ac:dyDescent="0.25">
      <c r="A81">
        <v>80</v>
      </c>
      <c r="B81" t="s">
        <v>19</v>
      </c>
      <c r="C81" t="s">
        <v>83</v>
      </c>
      <c r="D81" t="s">
        <v>142</v>
      </c>
      <c r="E81" t="s">
        <v>65</v>
      </c>
      <c r="F81" t="s">
        <v>259</v>
      </c>
      <c r="G81" t="s">
        <v>94</v>
      </c>
      <c r="H81">
        <v>2</v>
      </c>
      <c r="I81">
        <v>20</v>
      </c>
      <c r="J81" t="s">
        <v>76</v>
      </c>
      <c r="K81" t="s">
        <v>147</v>
      </c>
      <c r="L81" t="s">
        <v>120</v>
      </c>
      <c r="M81" t="s">
        <v>11</v>
      </c>
      <c r="N81" t="s">
        <v>151</v>
      </c>
      <c r="Q81" t="s">
        <v>151</v>
      </c>
    </row>
    <row r="82" spans="1:19" x14ac:dyDescent="0.25">
      <c r="A82">
        <v>81</v>
      </c>
      <c r="B82" t="s">
        <v>19</v>
      </c>
      <c r="C82" t="s">
        <v>83</v>
      </c>
      <c r="D82" t="s">
        <v>143</v>
      </c>
      <c r="E82" t="s">
        <v>65</v>
      </c>
      <c r="F82" t="s">
        <v>260</v>
      </c>
      <c r="G82" t="s">
        <v>95</v>
      </c>
      <c r="H82">
        <v>1</v>
      </c>
      <c r="I82">
        <v>20</v>
      </c>
      <c r="J82" t="s">
        <v>76</v>
      </c>
      <c r="K82" t="s">
        <v>147</v>
      </c>
      <c r="L82" t="s">
        <v>130</v>
      </c>
      <c r="M82" t="s">
        <v>153</v>
      </c>
      <c r="R82" t="s">
        <v>177</v>
      </c>
    </row>
    <row r="83" spans="1:19" x14ac:dyDescent="0.25">
      <c r="A83">
        <v>82</v>
      </c>
      <c r="B83" t="s">
        <v>19</v>
      </c>
      <c r="C83" t="s">
        <v>83</v>
      </c>
      <c r="D83" t="s">
        <v>142</v>
      </c>
      <c r="E83" t="s">
        <v>65</v>
      </c>
      <c r="F83" t="s">
        <v>261</v>
      </c>
      <c r="G83" t="s">
        <v>77</v>
      </c>
      <c r="H83">
        <v>2</v>
      </c>
      <c r="I83">
        <v>20</v>
      </c>
      <c r="K83" t="s">
        <v>147</v>
      </c>
      <c r="L83" t="s">
        <v>127</v>
      </c>
      <c r="M83" t="s">
        <v>178</v>
      </c>
      <c r="N83" t="s">
        <v>172</v>
      </c>
      <c r="Q83" t="s">
        <v>172</v>
      </c>
    </row>
    <row r="84" spans="1:19" x14ac:dyDescent="0.25">
      <c r="A84">
        <v>83</v>
      </c>
      <c r="B84" t="s">
        <v>19</v>
      </c>
      <c r="C84" t="s">
        <v>83</v>
      </c>
      <c r="D84" t="s">
        <v>143</v>
      </c>
      <c r="E84" t="s">
        <v>65</v>
      </c>
      <c r="F84" t="s">
        <v>262</v>
      </c>
      <c r="G84" t="s">
        <v>78</v>
      </c>
      <c r="H84" t="s">
        <v>79</v>
      </c>
      <c r="I84">
        <v>20</v>
      </c>
      <c r="K84" t="s">
        <v>147</v>
      </c>
      <c r="L84" t="s">
        <v>130</v>
      </c>
      <c r="M84" t="s">
        <v>153</v>
      </c>
      <c r="O84" t="s">
        <v>177</v>
      </c>
    </row>
    <row r="85" spans="1:19" x14ac:dyDescent="0.25">
      <c r="A85">
        <v>84</v>
      </c>
      <c r="B85" t="s">
        <v>19</v>
      </c>
      <c r="C85" t="s">
        <v>83</v>
      </c>
      <c r="D85" t="s">
        <v>142</v>
      </c>
      <c r="E85" t="s">
        <v>65</v>
      </c>
      <c r="F85" t="s">
        <v>263</v>
      </c>
      <c r="G85" t="s">
        <v>80</v>
      </c>
      <c r="H85">
        <v>3</v>
      </c>
      <c r="I85">
        <v>20</v>
      </c>
      <c r="K85" t="s">
        <v>147</v>
      </c>
      <c r="L85" t="s">
        <v>127</v>
      </c>
      <c r="M85" t="s">
        <v>178</v>
      </c>
      <c r="N85" t="s">
        <v>152</v>
      </c>
      <c r="Q85" t="s">
        <v>152</v>
      </c>
    </row>
    <row r="86" spans="1:19" x14ac:dyDescent="0.25">
      <c r="A86">
        <v>85</v>
      </c>
      <c r="B86" t="s">
        <v>19</v>
      </c>
      <c r="C86" t="s">
        <v>83</v>
      </c>
      <c r="D86" t="s">
        <v>143</v>
      </c>
      <c r="E86" t="s">
        <v>65</v>
      </c>
      <c r="F86" t="s">
        <v>264</v>
      </c>
      <c r="G86" t="s">
        <v>81</v>
      </c>
      <c r="H86">
        <v>1</v>
      </c>
      <c r="I86">
        <v>20</v>
      </c>
      <c r="K86" t="s">
        <v>147</v>
      </c>
      <c r="L86" t="s">
        <v>136</v>
      </c>
      <c r="M86" t="s">
        <v>153</v>
      </c>
      <c r="S86" t="s">
        <v>156</v>
      </c>
    </row>
    <row r="87" spans="1:19" x14ac:dyDescent="0.25">
      <c r="A87">
        <v>86</v>
      </c>
      <c r="B87" t="s">
        <v>19</v>
      </c>
      <c r="C87" t="s">
        <v>83</v>
      </c>
      <c r="D87" t="s">
        <v>142</v>
      </c>
      <c r="E87" t="s">
        <v>65</v>
      </c>
      <c r="F87" t="s">
        <v>265</v>
      </c>
      <c r="G87" t="s">
        <v>82</v>
      </c>
      <c r="H87">
        <v>2</v>
      </c>
      <c r="I87">
        <v>20</v>
      </c>
      <c r="K87" t="s">
        <v>147</v>
      </c>
      <c r="M87" t="s">
        <v>178</v>
      </c>
      <c r="O87" t="s">
        <v>154</v>
      </c>
      <c r="R87" t="s">
        <v>154</v>
      </c>
    </row>
    <row r="88" spans="1:19" x14ac:dyDescent="0.25">
      <c r="A88">
        <v>87</v>
      </c>
      <c r="B88" t="s">
        <v>18</v>
      </c>
      <c r="C88" t="s">
        <v>83</v>
      </c>
      <c r="D88" t="s">
        <v>142</v>
      </c>
      <c r="E88" t="s">
        <v>83</v>
      </c>
      <c r="F88" t="s">
        <v>217</v>
      </c>
      <c r="G88" t="s">
        <v>20</v>
      </c>
      <c r="H88">
        <v>3</v>
      </c>
      <c r="I88">
        <v>21</v>
      </c>
      <c r="K88" t="s">
        <v>148</v>
      </c>
      <c r="L88" t="s">
        <v>125</v>
      </c>
      <c r="M88" t="s">
        <v>178</v>
      </c>
      <c r="O88" t="s">
        <v>151</v>
      </c>
      <c r="R88" t="s">
        <v>151</v>
      </c>
    </row>
    <row r="89" spans="1:19" x14ac:dyDescent="0.25">
      <c r="A89">
        <v>88</v>
      </c>
      <c r="B89" t="s">
        <v>18</v>
      </c>
      <c r="C89" t="s">
        <v>83</v>
      </c>
      <c r="D89" t="s">
        <v>143</v>
      </c>
      <c r="E89" t="s">
        <v>83</v>
      </c>
      <c r="F89" t="s">
        <v>218</v>
      </c>
      <c r="G89" t="s">
        <v>21</v>
      </c>
      <c r="H89">
        <v>1</v>
      </c>
      <c r="I89">
        <v>21</v>
      </c>
      <c r="K89" t="s">
        <v>148</v>
      </c>
      <c r="L89" t="s">
        <v>186</v>
      </c>
      <c r="M89" t="s">
        <v>168</v>
      </c>
      <c r="P89" t="s">
        <v>177</v>
      </c>
    </row>
    <row r="90" spans="1:19" x14ac:dyDescent="0.25">
      <c r="A90">
        <v>89</v>
      </c>
      <c r="B90" t="s">
        <v>24</v>
      </c>
      <c r="C90" t="s">
        <v>83</v>
      </c>
      <c r="D90" t="s">
        <v>142</v>
      </c>
      <c r="E90" t="s">
        <v>83</v>
      </c>
      <c r="F90" t="s">
        <v>202</v>
      </c>
      <c r="G90" t="s">
        <v>84</v>
      </c>
      <c r="H90">
        <v>3</v>
      </c>
      <c r="I90">
        <v>27</v>
      </c>
      <c r="J90" t="s">
        <v>185</v>
      </c>
      <c r="K90" t="s">
        <v>148</v>
      </c>
      <c r="M90" t="s">
        <v>179</v>
      </c>
      <c r="N90" t="s">
        <v>154</v>
      </c>
      <c r="Q90" t="s">
        <v>154</v>
      </c>
    </row>
    <row r="91" spans="1:19" x14ac:dyDescent="0.25">
      <c r="A91">
        <v>90</v>
      </c>
      <c r="B91" t="s">
        <v>19</v>
      </c>
      <c r="C91" t="s">
        <v>83</v>
      </c>
      <c r="D91" t="s">
        <v>142</v>
      </c>
      <c r="E91" t="s">
        <v>83</v>
      </c>
      <c r="F91" t="s">
        <v>276</v>
      </c>
      <c r="G91" t="s">
        <v>85</v>
      </c>
      <c r="H91">
        <v>3</v>
      </c>
      <c r="I91">
        <v>27</v>
      </c>
      <c r="J91" t="s">
        <v>86</v>
      </c>
      <c r="K91" t="s">
        <v>148</v>
      </c>
      <c r="L91" t="s">
        <v>167</v>
      </c>
      <c r="M91" t="s">
        <v>26</v>
      </c>
      <c r="O91" t="s">
        <v>152</v>
      </c>
      <c r="R91" t="s">
        <v>152</v>
      </c>
    </row>
    <row r="92" spans="1:19" s="3" customFormat="1" x14ac:dyDescent="0.25">
      <c r="A92" s="3">
        <v>91</v>
      </c>
      <c r="B92" s="3" t="s">
        <v>18</v>
      </c>
      <c r="C92" s="3" t="s">
        <v>83</v>
      </c>
      <c r="D92" s="3" t="s">
        <v>142</v>
      </c>
      <c r="E92" s="3" t="s">
        <v>83</v>
      </c>
      <c r="F92" s="3" t="s">
        <v>276</v>
      </c>
      <c r="G92" s="3" t="s">
        <v>85</v>
      </c>
      <c r="H92" s="3">
        <v>3</v>
      </c>
      <c r="I92" s="3">
        <v>21</v>
      </c>
      <c r="J92" s="3" t="s">
        <v>86</v>
      </c>
      <c r="K92" s="3" t="s">
        <v>148</v>
      </c>
      <c r="L92" s="3" t="s">
        <v>167</v>
      </c>
      <c r="M92" s="3" t="s">
        <v>26</v>
      </c>
      <c r="O92" s="3" t="s">
        <v>152</v>
      </c>
      <c r="R92" s="3" t="s">
        <v>152</v>
      </c>
    </row>
    <row r="93" spans="1:19" x14ac:dyDescent="0.25">
      <c r="A93">
        <v>92</v>
      </c>
      <c r="B93" t="s">
        <v>19</v>
      </c>
      <c r="C93" s="3" t="s">
        <v>294</v>
      </c>
      <c r="D93" t="s">
        <v>142</v>
      </c>
      <c r="E93" t="s">
        <v>83</v>
      </c>
      <c r="F93" t="s">
        <v>226</v>
      </c>
      <c r="G93" t="s">
        <v>28</v>
      </c>
      <c r="H93">
        <v>3</v>
      </c>
      <c r="I93">
        <v>27</v>
      </c>
      <c r="K93" t="s">
        <v>148</v>
      </c>
      <c r="M93" t="s">
        <v>11</v>
      </c>
      <c r="N93" t="s">
        <v>176</v>
      </c>
      <c r="Q93" t="s">
        <v>176</v>
      </c>
    </row>
    <row r="94" spans="1:19" x14ac:dyDescent="0.25">
      <c r="A94">
        <v>93</v>
      </c>
      <c r="B94" t="s">
        <v>24</v>
      </c>
      <c r="C94" s="3" t="s">
        <v>291</v>
      </c>
      <c r="D94" t="s">
        <v>142</v>
      </c>
      <c r="E94" t="s">
        <v>83</v>
      </c>
      <c r="F94" t="s">
        <v>248</v>
      </c>
      <c r="G94" t="s">
        <v>87</v>
      </c>
      <c r="H94">
        <v>2</v>
      </c>
      <c r="I94">
        <v>27</v>
      </c>
      <c r="K94" t="s">
        <v>148</v>
      </c>
      <c r="M94" t="s">
        <v>179</v>
      </c>
      <c r="O94" t="s">
        <v>172</v>
      </c>
      <c r="P94" t="s">
        <v>172</v>
      </c>
    </row>
    <row r="95" spans="1:19" x14ac:dyDescent="0.25">
      <c r="A95">
        <v>94</v>
      </c>
      <c r="B95" t="s">
        <v>24</v>
      </c>
      <c r="C95" t="s">
        <v>293</v>
      </c>
      <c r="D95" t="s">
        <v>142</v>
      </c>
      <c r="E95" t="s">
        <v>83</v>
      </c>
      <c r="F95" t="s">
        <v>203</v>
      </c>
      <c r="G95" t="s">
        <v>30</v>
      </c>
      <c r="H95">
        <v>2</v>
      </c>
      <c r="I95">
        <v>27</v>
      </c>
      <c r="K95" t="s">
        <v>148</v>
      </c>
      <c r="M95" t="s">
        <v>179</v>
      </c>
      <c r="N95" t="s">
        <v>172</v>
      </c>
      <c r="Q95" t="s">
        <v>172</v>
      </c>
    </row>
    <row r="96" spans="1:19" x14ac:dyDescent="0.25">
      <c r="A96">
        <v>95</v>
      </c>
      <c r="B96" t="s">
        <v>19</v>
      </c>
      <c r="C96" t="s">
        <v>290</v>
      </c>
      <c r="D96" t="s">
        <v>142</v>
      </c>
      <c r="E96" t="s">
        <v>83</v>
      </c>
      <c r="F96" t="s">
        <v>211</v>
      </c>
      <c r="G96" t="s">
        <v>88</v>
      </c>
      <c r="H96">
        <v>3</v>
      </c>
      <c r="I96">
        <v>27</v>
      </c>
      <c r="J96" t="s">
        <v>184</v>
      </c>
      <c r="K96" t="s">
        <v>148</v>
      </c>
      <c r="M96" t="s">
        <v>173</v>
      </c>
      <c r="O96" t="s">
        <v>151</v>
      </c>
      <c r="R96" t="s">
        <v>151</v>
      </c>
    </row>
    <row r="97" spans="1:18" x14ac:dyDescent="0.25">
      <c r="A97">
        <v>96</v>
      </c>
      <c r="B97" t="s">
        <v>24</v>
      </c>
      <c r="C97" t="s">
        <v>83</v>
      </c>
      <c r="D97" t="s">
        <v>142</v>
      </c>
      <c r="E97" t="s">
        <v>83</v>
      </c>
      <c r="F97" t="s">
        <v>204</v>
      </c>
      <c r="G97" t="s">
        <v>33</v>
      </c>
      <c r="H97">
        <v>3</v>
      </c>
      <c r="I97">
        <v>27</v>
      </c>
      <c r="J97" t="s">
        <v>89</v>
      </c>
      <c r="K97" t="s">
        <v>148</v>
      </c>
      <c r="L97" t="s">
        <v>124</v>
      </c>
      <c r="M97" t="s">
        <v>183</v>
      </c>
      <c r="P97" t="s">
        <v>151</v>
      </c>
      <c r="R97" t="s">
        <v>174</v>
      </c>
    </row>
    <row r="98" spans="1:18" x14ac:dyDescent="0.25">
      <c r="A98">
        <v>97</v>
      </c>
      <c r="B98" t="s">
        <v>24</v>
      </c>
      <c r="C98" t="s">
        <v>83</v>
      </c>
      <c r="D98" t="s">
        <v>143</v>
      </c>
      <c r="E98" t="s">
        <v>83</v>
      </c>
      <c r="F98" t="s">
        <v>205</v>
      </c>
      <c r="G98" t="s">
        <v>34</v>
      </c>
      <c r="H98">
        <v>1</v>
      </c>
      <c r="I98">
        <v>27</v>
      </c>
      <c r="J98" t="s">
        <v>89</v>
      </c>
      <c r="K98" t="s">
        <v>148</v>
      </c>
      <c r="L98" t="s">
        <v>186</v>
      </c>
      <c r="M98" t="s">
        <v>153</v>
      </c>
      <c r="P98" t="s">
        <v>175</v>
      </c>
    </row>
    <row r="99" spans="1:18" x14ac:dyDescent="0.25">
      <c r="A99">
        <v>98</v>
      </c>
      <c r="B99" t="s">
        <v>19</v>
      </c>
      <c r="C99" t="s">
        <v>83</v>
      </c>
      <c r="D99" t="s">
        <v>142</v>
      </c>
      <c r="E99" t="s">
        <v>83</v>
      </c>
      <c r="F99" t="s">
        <v>213</v>
      </c>
      <c r="G99" t="s">
        <v>35</v>
      </c>
      <c r="H99">
        <v>3</v>
      </c>
      <c r="I99">
        <v>27</v>
      </c>
      <c r="J99" t="s">
        <v>90</v>
      </c>
      <c r="K99" t="s">
        <v>148</v>
      </c>
      <c r="L99" t="s">
        <v>126</v>
      </c>
      <c r="M99" t="s">
        <v>179</v>
      </c>
      <c r="N99" t="s">
        <v>152</v>
      </c>
      <c r="Q99" t="s">
        <v>152</v>
      </c>
    </row>
    <row r="100" spans="1:18" x14ac:dyDescent="0.25">
      <c r="A100">
        <v>99</v>
      </c>
      <c r="B100" t="s">
        <v>19</v>
      </c>
      <c r="C100" t="s">
        <v>83</v>
      </c>
      <c r="D100" t="s">
        <v>143</v>
      </c>
      <c r="E100" t="s">
        <v>83</v>
      </c>
      <c r="F100" t="s">
        <v>214</v>
      </c>
      <c r="G100" t="s">
        <v>36</v>
      </c>
      <c r="H100">
        <v>1</v>
      </c>
      <c r="I100">
        <v>27</v>
      </c>
      <c r="J100" t="s">
        <v>90</v>
      </c>
      <c r="K100" t="s">
        <v>148</v>
      </c>
      <c r="L100" t="s">
        <v>131</v>
      </c>
      <c r="M100" t="s">
        <v>153</v>
      </c>
      <c r="P100" t="s">
        <v>177</v>
      </c>
    </row>
    <row r="101" spans="1:18" x14ac:dyDescent="0.25">
      <c r="A101">
        <v>100</v>
      </c>
      <c r="B101" t="s">
        <v>24</v>
      </c>
      <c r="C101" t="s">
        <v>83</v>
      </c>
      <c r="D101" t="s">
        <v>142</v>
      </c>
      <c r="E101" t="s">
        <v>83</v>
      </c>
      <c r="F101" t="s">
        <v>273</v>
      </c>
      <c r="G101" t="s">
        <v>91</v>
      </c>
      <c r="H101">
        <v>3</v>
      </c>
      <c r="I101">
        <v>27</v>
      </c>
      <c r="K101" t="s">
        <v>148</v>
      </c>
      <c r="L101" t="s">
        <v>126</v>
      </c>
      <c r="M101" t="s">
        <v>173</v>
      </c>
      <c r="O101" t="s">
        <v>176</v>
      </c>
      <c r="R101" t="s">
        <v>176</v>
      </c>
    </row>
    <row r="102" spans="1:18" x14ac:dyDescent="0.25">
      <c r="A102">
        <v>101</v>
      </c>
      <c r="B102" t="s">
        <v>24</v>
      </c>
      <c r="C102" t="s">
        <v>83</v>
      </c>
      <c r="D102" t="s">
        <v>143</v>
      </c>
      <c r="E102" t="s">
        <v>83</v>
      </c>
      <c r="F102" t="s">
        <v>274</v>
      </c>
      <c r="G102" t="s">
        <v>92</v>
      </c>
      <c r="H102">
        <v>1</v>
      </c>
      <c r="I102">
        <v>27</v>
      </c>
      <c r="K102" t="s">
        <v>148</v>
      </c>
      <c r="L102" t="s">
        <v>132</v>
      </c>
      <c r="M102" t="s">
        <v>155</v>
      </c>
      <c r="N102" t="s">
        <v>177</v>
      </c>
    </row>
    <row r="103" spans="1:18" x14ac:dyDescent="0.25">
      <c r="A103">
        <v>102</v>
      </c>
      <c r="B103" t="s">
        <v>24</v>
      </c>
      <c r="C103" t="s">
        <v>83</v>
      </c>
      <c r="D103" t="s">
        <v>142</v>
      </c>
      <c r="E103" t="s">
        <v>83</v>
      </c>
      <c r="F103" t="s">
        <v>275</v>
      </c>
      <c r="G103" t="s">
        <v>93</v>
      </c>
      <c r="H103">
        <v>2</v>
      </c>
      <c r="I103">
        <v>27</v>
      </c>
      <c r="K103" t="s">
        <v>148</v>
      </c>
      <c r="M103" t="s">
        <v>179</v>
      </c>
      <c r="O103" t="s">
        <v>197</v>
      </c>
      <c r="R103" t="s">
        <v>197</v>
      </c>
    </row>
    <row r="104" spans="1:18" x14ac:dyDescent="0.25">
      <c r="A104">
        <v>103</v>
      </c>
      <c r="B104" t="s">
        <v>19</v>
      </c>
      <c r="C104" t="s">
        <v>83</v>
      </c>
      <c r="D104" t="s">
        <v>142</v>
      </c>
      <c r="E104" t="s">
        <v>83</v>
      </c>
      <c r="F104" t="s">
        <v>253</v>
      </c>
      <c r="G104" t="s">
        <v>94</v>
      </c>
      <c r="H104">
        <v>3</v>
      </c>
      <c r="I104">
        <v>27</v>
      </c>
      <c r="K104" t="s">
        <v>148</v>
      </c>
      <c r="L104" t="s">
        <v>120</v>
      </c>
      <c r="M104" t="s">
        <v>11</v>
      </c>
      <c r="N104" t="s">
        <v>174</v>
      </c>
      <c r="Q104" t="s">
        <v>174</v>
      </c>
    </row>
    <row r="105" spans="1:18" x14ac:dyDescent="0.25">
      <c r="A105">
        <v>104</v>
      </c>
      <c r="B105" t="s">
        <v>19</v>
      </c>
      <c r="C105" t="s">
        <v>83</v>
      </c>
      <c r="D105" t="s">
        <v>143</v>
      </c>
      <c r="E105" t="s">
        <v>83</v>
      </c>
      <c r="F105" t="s">
        <v>254</v>
      </c>
      <c r="G105" t="s">
        <v>95</v>
      </c>
      <c r="H105">
        <v>1</v>
      </c>
      <c r="I105">
        <v>27</v>
      </c>
      <c r="K105" t="s">
        <v>148</v>
      </c>
      <c r="L105" t="s">
        <v>130</v>
      </c>
      <c r="M105" t="s">
        <v>153</v>
      </c>
      <c r="N105" t="s">
        <v>156</v>
      </c>
    </row>
    <row r="106" spans="1:18" x14ac:dyDescent="0.25">
      <c r="A106">
        <v>105</v>
      </c>
      <c r="B106" t="s">
        <v>18</v>
      </c>
      <c r="C106" t="s">
        <v>83</v>
      </c>
      <c r="D106" t="s">
        <v>142</v>
      </c>
      <c r="E106" t="s">
        <v>83</v>
      </c>
      <c r="F106" t="s">
        <v>284</v>
      </c>
      <c r="G106" t="s">
        <v>96</v>
      </c>
      <c r="H106">
        <v>3</v>
      </c>
      <c r="I106">
        <v>21</v>
      </c>
      <c r="K106" t="s">
        <v>148</v>
      </c>
      <c r="L106" t="s">
        <v>122</v>
      </c>
      <c r="M106" t="s">
        <v>178</v>
      </c>
      <c r="N106" t="s">
        <v>174</v>
      </c>
      <c r="Q106" t="s">
        <v>174</v>
      </c>
    </row>
    <row r="107" spans="1:18" s="3" customFormat="1" x14ac:dyDescent="0.25">
      <c r="A107" s="3">
        <v>106</v>
      </c>
      <c r="B107" s="3" t="s">
        <v>18</v>
      </c>
      <c r="C107" s="3" t="s">
        <v>83</v>
      </c>
      <c r="D107" s="3" t="s">
        <v>143</v>
      </c>
      <c r="E107" s="3" t="s">
        <v>83</v>
      </c>
      <c r="F107" s="3" t="s">
        <v>285</v>
      </c>
      <c r="G107" s="3" t="s">
        <v>97</v>
      </c>
      <c r="H107" s="3">
        <v>1</v>
      </c>
      <c r="I107" s="3">
        <v>21</v>
      </c>
      <c r="K107" s="3" t="s">
        <v>148</v>
      </c>
      <c r="L107" s="3" t="s">
        <v>131</v>
      </c>
      <c r="M107" s="3" t="s">
        <v>170</v>
      </c>
      <c r="P107" s="3" t="s">
        <v>175</v>
      </c>
    </row>
    <row r="108" spans="1:18" x14ac:dyDescent="0.25">
      <c r="A108">
        <v>107</v>
      </c>
      <c r="B108" t="s">
        <v>18</v>
      </c>
      <c r="C108" t="s">
        <v>83</v>
      </c>
      <c r="D108" t="s">
        <v>142</v>
      </c>
      <c r="E108" t="s">
        <v>83</v>
      </c>
      <c r="F108" t="s">
        <v>277</v>
      </c>
      <c r="G108" t="s">
        <v>98</v>
      </c>
      <c r="H108">
        <v>3</v>
      </c>
      <c r="I108">
        <v>21</v>
      </c>
      <c r="K108" t="s">
        <v>148</v>
      </c>
      <c r="L108" t="s">
        <v>133</v>
      </c>
      <c r="M108" t="s">
        <v>179</v>
      </c>
      <c r="N108" t="s">
        <v>151</v>
      </c>
      <c r="Q108" t="s">
        <v>151</v>
      </c>
    </row>
    <row r="109" spans="1:18" x14ac:dyDescent="0.25">
      <c r="A109">
        <v>108</v>
      </c>
      <c r="B109" t="s">
        <v>18</v>
      </c>
      <c r="C109" t="s">
        <v>83</v>
      </c>
      <c r="D109" t="s">
        <v>143</v>
      </c>
      <c r="E109" t="s">
        <v>83</v>
      </c>
      <c r="F109" s="3" t="s">
        <v>278</v>
      </c>
      <c r="G109" t="s">
        <v>99</v>
      </c>
      <c r="H109">
        <v>1</v>
      </c>
      <c r="I109">
        <v>21</v>
      </c>
      <c r="K109" t="s">
        <v>148</v>
      </c>
      <c r="L109" t="s">
        <v>186</v>
      </c>
      <c r="M109" t="s">
        <v>170</v>
      </c>
      <c r="O109" t="s">
        <v>175</v>
      </c>
    </row>
    <row r="110" spans="1:18" x14ac:dyDescent="0.25">
      <c r="A110">
        <v>109</v>
      </c>
      <c r="B110" t="s">
        <v>18</v>
      </c>
      <c r="C110" t="s">
        <v>83</v>
      </c>
      <c r="D110" t="s">
        <v>142</v>
      </c>
      <c r="E110" t="s">
        <v>83</v>
      </c>
      <c r="F110" t="s">
        <v>279</v>
      </c>
      <c r="G110" t="s">
        <v>59</v>
      </c>
      <c r="H110">
        <v>3</v>
      </c>
      <c r="I110">
        <v>21</v>
      </c>
      <c r="J110" t="s">
        <v>60</v>
      </c>
      <c r="K110" t="s">
        <v>148</v>
      </c>
      <c r="L110" t="s">
        <v>128</v>
      </c>
      <c r="M110" t="s">
        <v>26</v>
      </c>
      <c r="N110" t="s">
        <v>172</v>
      </c>
      <c r="Q110" t="s">
        <v>172</v>
      </c>
    </row>
    <row r="111" spans="1:18" x14ac:dyDescent="0.25">
      <c r="A111">
        <v>110</v>
      </c>
      <c r="B111" t="s">
        <v>100</v>
      </c>
      <c r="C111" t="s">
        <v>83</v>
      </c>
      <c r="D111" t="s">
        <v>143</v>
      </c>
      <c r="E111" t="s">
        <v>83</v>
      </c>
      <c r="F111" t="s">
        <v>281</v>
      </c>
      <c r="G111" t="s">
        <v>101</v>
      </c>
      <c r="H111">
        <v>3</v>
      </c>
      <c r="I111">
        <v>16</v>
      </c>
      <c r="K111" t="s">
        <v>148</v>
      </c>
      <c r="M111" t="s">
        <v>171</v>
      </c>
    </row>
    <row r="112" spans="1:18" x14ac:dyDescent="0.25">
      <c r="A112">
        <v>111</v>
      </c>
      <c r="B112" t="s">
        <v>100</v>
      </c>
      <c r="C112" t="s">
        <v>83</v>
      </c>
      <c r="D112" t="s">
        <v>142</v>
      </c>
      <c r="E112" t="s">
        <v>83</v>
      </c>
      <c r="F112" t="s">
        <v>282</v>
      </c>
      <c r="G112" t="s">
        <v>102</v>
      </c>
      <c r="H112">
        <v>3</v>
      </c>
      <c r="I112">
        <v>16</v>
      </c>
      <c r="K112" t="s">
        <v>148</v>
      </c>
      <c r="M112" t="s">
        <v>178</v>
      </c>
      <c r="N112" t="s">
        <v>180</v>
      </c>
      <c r="Q112" t="s">
        <v>180</v>
      </c>
    </row>
    <row r="113" spans="1:19" x14ac:dyDescent="0.25">
      <c r="A113">
        <v>112</v>
      </c>
      <c r="B113" t="s">
        <v>100</v>
      </c>
      <c r="C113" t="s">
        <v>83</v>
      </c>
      <c r="D113" t="s">
        <v>142</v>
      </c>
      <c r="E113" t="s">
        <v>83</v>
      </c>
      <c r="F113" t="s">
        <v>280</v>
      </c>
      <c r="G113" t="s">
        <v>103</v>
      </c>
      <c r="H113">
        <v>3</v>
      </c>
      <c r="I113">
        <v>16</v>
      </c>
      <c r="K113" t="s">
        <v>148</v>
      </c>
      <c r="L113" t="s">
        <v>121</v>
      </c>
      <c r="M113" t="s">
        <v>178</v>
      </c>
      <c r="N113" t="s">
        <v>176</v>
      </c>
      <c r="Q113" t="s">
        <v>176</v>
      </c>
    </row>
    <row r="114" spans="1:19" x14ac:dyDescent="0.25">
      <c r="A114">
        <v>113</v>
      </c>
      <c r="B114" t="s">
        <v>100</v>
      </c>
      <c r="C114" t="s">
        <v>83</v>
      </c>
      <c r="D114" t="s">
        <v>142</v>
      </c>
      <c r="E114" t="s">
        <v>83</v>
      </c>
      <c r="F114" t="s">
        <v>235</v>
      </c>
      <c r="G114" t="s">
        <v>56</v>
      </c>
      <c r="H114">
        <v>3</v>
      </c>
      <c r="I114">
        <v>16</v>
      </c>
      <c r="J114" t="s">
        <v>164</v>
      </c>
      <c r="K114" t="s">
        <v>148</v>
      </c>
      <c r="L114" t="s">
        <v>128</v>
      </c>
      <c r="M114" t="s">
        <v>11</v>
      </c>
      <c r="O114" t="s">
        <v>152</v>
      </c>
      <c r="R114" t="s">
        <v>152</v>
      </c>
    </row>
    <row r="115" spans="1:19" x14ac:dyDescent="0.25">
      <c r="A115">
        <v>114</v>
      </c>
      <c r="B115" t="s">
        <v>7</v>
      </c>
      <c r="C115" t="s">
        <v>83</v>
      </c>
      <c r="D115" t="s">
        <v>142</v>
      </c>
      <c r="E115" t="s">
        <v>104</v>
      </c>
      <c r="F115" t="s">
        <v>200</v>
      </c>
      <c r="G115" t="s">
        <v>9</v>
      </c>
      <c r="H115">
        <v>2</v>
      </c>
      <c r="I115">
        <v>20</v>
      </c>
      <c r="J115" t="s">
        <v>163</v>
      </c>
      <c r="K115" t="s">
        <v>149</v>
      </c>
      <c r="M115" t="s">
        <v>11</v>
      </c>
      <c r="N115" t="s">
        <v>180</v>
      </c>
      <c r="Q115" t="s">
        <v>180</v>
      </c>
    </row>
    <row r="116" spans="1:19" x14ac:dyDescent="0.25">
      <c r="A116">
        <v>115</v>
      </c>
      <c r="B116" t="s">
        <v>7</v>
      </c>
      <c r="C116" t="s">
        <v>83</v>
      </c>
      <c r="D116" t="s">
        <v>143</v>
      </c>
      <c r="E116" t="s">
        <v>104</v>
      </c>
      <c r="F116" t="s">
        <v>199</v>
      </c>
      <c r="G116" t="s">
        <v>12</v>
      </c>
      <c r="H116">
        <v>1</v>
      </c>
      <c r="I116">
        <v>20</v>
      </c>
      <c r="J116" t="s">
        <v>163</v>
      </c>
      <c r="K116" t="s">
        <v>149</v>
      </c>
      <c r="L116" t="s">
        <v>134</v>
      </c>
      <c r="M116" t="s">
        <v>153</v>
      </c>
      <c r="O116" t="s">
        <v>175</v>
      </c>
    </row>
    <row r="117" spans="1:19" x14ac:dyDescent="0.25">
      <c r="A117">
        <v>116</v>
      </c>
      <c r="B117" t="s">
        <v>7</v>
      </c>
      <c r="C117" t="s">
        <v>290</v>
      </c>
      <c r="D117" t="s">
        <v>142</v>
      </c>
      <c r="E117" t="s">
        <v>104</v>
      </c>
      <c r="F117" t="s">
        <v>242</v>
      </c>
      <c r="G117" t="s">
        <v>13</v>
      </c>
      <c r="H117">
        <v>3</v>
      </c>
      <c r="I117">
        <v>20</v>
      </c>
      <c r="J117" t="s">
        <v>163</v>
      </c>
      <c r="K117" t="s">
        <v>149</v>
      </c>
      <c r="M117" t="s">
        <v>11</v>
      </c>
      <c r="N117" t="s">
        <v>172</v>
      </c>
      <c r="Q117" t="s">
        <v>172</v>
      </c>
    </row>
    <row r="118" spans="1:19" x14ac:dyDescent="0.25">
      <c r="A118">
        <v>117</v>
      </c>
      <c r="B118" t="s">
        <v>7</v>
      </c>
      <c r="C118" t="s">
        <v>83</v>
      </c>
      <c r="D118" t="s">
        <v>142</v>
      </c>
      <c r="E118" t="s">
        <v>104</v>
      </c>
      <c r="F118" t="s">
        <v>243</v>
      </c>
      <c r="G118" t="s">
        <v>14</v>
      </c>
      <c r="H118">
        <v>3</v>
      </c>
      <c r="I118">
        <v>20</v>
      </c>
      <c r="J118" t="s">
        <v>163</v>
      </c>
      <c r="K118" t="s">
        <v>149</v>
      </c>
      <c r="L118" t="s">
        <v>120</v>
      </c>
      <c r="M118" t="s">
        <v>11</v>
      </c>
      <c r="O118" t="s">
        <v>151</v>
      </c>
      <c r="P118" t="s">
        <v>151</v>
      </c>
    </row>
    <row r="119" spans="1:19" x14ac:dyDescent="0.25">
      <c r="A119">
        <v>118</v>
      </c>
      <c r="B119" t="s">
        <v>7</v>
      </c>
      <c r="C119" t="s">
        <v>83</v>
      </c>
      <c r="D119" t="s">
        <v>143</v>
      </c>
      <c r="E119" t="s">
        <v>104</v>
      </c>
      <c r="F119" t="s">
        <v>198</v>
      </c>
      <c r="G119" t="s">
        <v>15</v>
      </c>
      <c r="H119">
        <v>1</v>
      </c>
      <c r="I119">
        <v>20</v>
      </c>
      <c r="J119" t="s">
        <v>163</v>
      </c>
      <c r="K119" t="s">
        <v>149</v>
      </c>
      <c r="L119" t="s">
        <v>134</v>
      </c>
      <c r="M119" t="s">
        <v>155</v>
      </c>
      <c r="P119" t="s">
        <v>175</v>
      </c>
    </row>
    <row r="120" spans="1:19" x14ac:dyDescent="0.25">
      <c r="A120">
        <v>119</v>
      </c>
      <c r="B120" t="s">
        <v>24</v>
      </c>
      <c r="C120" t="s">
        <v>83</v>
      </c>
      <c r="D120" t="s">
        <v>142</v>
      </c>
      <c r="E120" t="s">
        <v>104</v>
      </c>
      <c r="F120" t="s">
        <v>247</v>
      </c>
      <c r="G120" t="s">
        <v>105</v>
      </c>
      <c r="H120">
        <v>3</v>
      </c>
      <c r="I120">
        <v>16</v>
      </c>
      <c r="J120" t="s">
        <v>106</v>
      </c>
      <c r="K120" t="s">
        <v>149</v>
      </c>
      <c r="L120" t="s">
        <v>125</v>
      </c>
      <c r="M120" t="s">
        <v>179</v>
      </c>
      <c r="O120" t="s">
        <v>154</v>
      </c>
      <c r="R120" t="s">
        <v>154</v>
      </c>
    </row>
    <row r="121" spans="1:19" x14ac:dyDescent="0.25">
      <c r="A121">
        <v>120</v>
      </c>
      <c r="B121" t="s">
        <v>24</v>
      </c>
      <c r="C121" t="s">
        <v>291</v>
      </c>
      <c r="D121" t="s">
        <v>142</v>
      </c>
      <c r="E121" t="s">
        <v>104</v>
      </c>
      <c r="F121" t="s">
        <v>248</v>
      </c>
      <c r="G121" t="s">
        <v>29</v>
      </c>
      <c r="H121">
        <v>2</v>
      </c>
      <c r="I121">
        <v>16</v>
      </c>
      <c r="K121" t="s">
        <v>149</v>
      </c>
      <c r="M121" t="s">
        <v>26</v>
      </c>
      <c r="P121" t="s">
        <v>154</v>
      </c>
      <c r="S121" t="s">
        <v>154</v>
      </c>
    </row>
    <row r="122" spans="1:19" x14ac:dyDescent="0.25">
      <c r="A122">
        <v>121</v>
      </c>
      <c r="B122" t="s">
        <v>24</v>
      </c>
      <c r="C122" t="s">
        <v>293</v>
      </c>
      <c r="D122" t="s">
        <v>142</v>
      </c>
      <c r="E122" t="s">
        <v>104</v>
      </c>
      <c r="F122" t="s">
        <v>203</v>
      </c>
      <c r="G122" t="s">
        <v>30</v>
      </c>
      <c r="H122">
        <v>2</v>
      </c>
      <c r="I122">
        <v>16</v>
      </c>
      <c r="K122" t="s">
        <v>149</v>
      </c>
      <c r="M122" t="s">
        <v>178</v>
      </c>
      <c r="P122" t="s">
        <v>151</v>
      </c>
      <c r="S122" t="s">
        <v>151</v>
      </c>
    </row>
    <row r="123" spans="1:19" x14ac:dyDescent="0.25">
      <c r="A123">
        <v>122</v>
      </c>
      <c r="B123" t="s">
        <v>24</v>
      </c>
      <c r="C123" t="s">
        <v>290</v>
      </c>
      <c r="D123" t="s">
        <v>142</v>
      </c>
      <c r="E123" t="s">
        <v>104</v>
      </c>
      <c r="F123" t="s">
        <v>211</v>
      </c>
      <c r="G123" t="s">
        <v>31</v>
      </c>
      <c r="H123">
        <v>3</v>
      </c>
      <c r="I123">
        <v>16</v>
      </c>
      <c r="K123" t="s">
        <v>149</v>
      </c>
      <c r="M123" t="s">
        <v>26</v>
      </c>
      <c r="P123" t="s">
        <v>174</v>
      </c>
      <c r="S123" t="s">
        <v>174</v>
      </c>
    </row>
    <row r="124" spans="1:19" x14ac:dyDescent="0.25">
      <c r="A124">
        <v>123</v>
      </c>
      <c r="B124" t="s">
        <v>24</v>
      </c>
      <c r="C124" t="s">
        <v>83</v>
      </c>
      <c r="D124" t="s">
        <v>142</v>
      </c>
      <c r="E124" t="s">
        <v>104</v>
      </c>
      <c r="F124" t="s">
        <v>204</v>
      </c>
      <c r="G124" t="s">
        <v>33</v>
      </c>
      <c r="H124">
        <v>3</v>
      </c>
      <c r="I124">
        <v>16</v>
      </c>
      <c r="J124" t="s">
        <v>182</v>
      </c>
      <c r="K124" t="s">
        <v>149</v>
      </c>
      <c r="L124" t="s">
        <v>165</v>
      </c>
      <c r="M124" t="s">
        <v>179</v>
      </c>
      <c r="O124" t="s">
        <v>174</v>
      </c>
      <c r="R124" t="s">
        <v>174</v>
      </c>
    </row>
    <row r="125" spans="1:19" x14ac:dyDescent="0.25">
      <c r="A125">
        <v>124</v>
      </c>
      <c r="B125" t="s">
        <v>24</v>
      </c>
      <c r="C125" t="s">
        <v>83</v>
      </c>
      <c r="D125" t="s">
        <v>143</v>
      </c>
      <c r="E125" t="s">
        <v>104</v>
      </c>
      <c r="F125" t="s">
        <v>205</v>
      </c>
      <c r="G125" t="s">
        <v>34</v>
      </c>
      <c r="H125">
        <v>1</v>
      </c>
      <c r="I125">
        <v>16</v>
      </c>
      <c r="K125" t="s">
        <v>149</v>
      </c>
      <c r="L125" t="s">
        <v>130</v>
      </c>
      <c r="M125" t="s">
        <v>170</v>
      </c>
      <c r="Q125" t="s">
        <v>156</v>
      </c>
    </row>
    <row r="126" spans="1:19" x14ac:dyDescent="0.25">
      <c r="A126">
        <v>125</v>
      </c>
      <c r="B126" t="s">
        <v>7</v>
      </c>
      <c r="C126" t="s">
        <v>292</v>
      </c>
      <c r="D126" t="s">
        <v>142</v>
      </c>
      <c r="E126" t="s">
        <v>107</v>
      </c>
      <c r="F126" t="s">
        <v>244</v>
      </c>
      <c r="G126" t="s">
        <v>37</v>
      </c>
      <c r="H126">
        <v>3</v>
      </c>
      <c r="I126">
        <v>20</v>
      </c>
      <c r="J126" t="s">
        <v>163</v>
      </c>
      <c r="K126" t="s">
        <v>149</v>
      </c>
      <c r="M126" t="s">
        <v>179</v>
      </c>
      <c r="N126" t="s">
        <v>174</v>
      </c>
      <c r="Q126" t="s">
        <v>174</v>
      </c>
    </row>
    <row r="127" spans="1:19" x14ac:dyDescent="0.25">
      <c r="A127">
        <v>126</v>
      </c>
      <c r="B127" t="s">
        <v>7</v>
      </c>
      <c r="C127" t="s">
        <v>295</v>
      </c>
      <c r="D127" t="s">
        <v>142</v>
      </c>
      <c r="E127" t="s">
        <v>104</v>
      </c>
      <c r="F127" t="s">
        <v>245</v>
      </c>
      <c r="G127" t="s">
        <v>108</v>
      </c>
      <c r="H127">
        <v>2</v>
      </c>
      <c r="I127">
        <v>20</v>
      </c>
      <c r="K127" t="s">
        <v>149</v>
      </c>
      <c r="M127" t="s">
        <v>26</v>
      </c>
      <c r="N127" t="s">
        <v>176</v>
      </c>
      <c r="Q127" t="s">
        <v>176</v>
      </c>
    </row>
    <row r="128" spans="1:19" x14ac:dyDescent="0.25">
      <c r="A128">
        <v>127</v>
      </c>
      <c r="B128" t="s">
        <v>7</v>
      </c>
      <c r="C128" t="s">
        <v>295</v>
      </c>
      <c r="D128" t="s">
        <v>143</v>
      </c>
      <c r="E128" t="s">
        <v>104</v>
      </c>
      <c r="F128" t="s">
        <v>246</v>
      </c>
      <c r="G128" t="s">
        <v>109</v>
      </c>
      <c r="H128">
        <v>1</v>
      </c>
      <c r="I128">
        <v>20</v>
      </c>
      <c r="K128" t="s">
        <v>149</v>
      </c>
      <c r="M128" t="s">
        <v>170</v>
      </c>
      <c r="P128" t="s">
        <v>177</v>
      </c>
    </row>
    <row r="129" spans="1:18" x14ac:dyDescent="0.25">
      <c r="A129">
        <v>128</v>
      </c>
      <c r="B129" t="s">
        <v>24</v>
      </c>
      <c r="C129" t="s">
        <v>83</v>
      </c>
      <c r="D129" t="s">
        <v>142</v>
      </c>
      <c r="E129" t="s">
        <v>104</v>
      </c>
      <c r="F129" t="s">
        <v>249</v>
      </c>
      <c r="G129" t="s">
        <v>111</v>
      </c>
      <c r="H129">
        <v>2</v>
      </c>
      <c r="I129">
        <v>16</v>
      </c>
      <c r="J129" t="s">
        <v>181</v>
      </c>
      <c r="K129" t="s">
        <v>149</v>
      </c>
      <c r="L129" t="s">
        <v>121</v>
      </c>
      <c r="M129" t="s">
        <v>178</v>
      </c>
      <c r="O129" t="s">
        <v>152</v>
      </c>
      <c r="R129" t="s">
        <v>152</v>
      </c>
    </row>
    <row r="130" spans="1:18" x14ac:dyDescent="0.25">
      <c r="A130">
        <v>129</v>
      </c>
      <c r="B130" t="s">
        <v>24</v>
      </c>
      <c r="C130" t="s">
        <v>83</v>
      </c>
      <c r="D130" t="s">
        <v>143</v>
      </c>
      <c r="E130" t="s">
        <v>104</v>
      </c>
      <c r="F130" t="s">
        <v>250</v>
      </c>
      <c r="G130" t="s">
        <v>161</v>
      </c>
      <c r="H130">
        <v>1</v>
      </c>
      <c r="I130">
        <v>16</v>
      </c>
      <c r="K130" t="s">
        <v>149</v>
      </c>
      <c r="L130" t="s">
        <v>136</v>
      </c>
      <c r="M130" t="s">
        <v>155</v>
      </c>
      <c r="Q130" t="s">
        <v>175</v>
      </c>
    </row>
    <row r="131" spans="1:18" x14ac:dyDescent="0.25">
      <c r="A131">
        <v>130</v>
      </c>
      <c r="B131" t="s">
        <v>19</v>
      </c>
      <c r="C131" t="s">
        <v>291</v>
      </c>
      <c r="D131" t="s">
        <v>142</v>
      </c>
      <c r="E131" t="s">
        <v>110</v>
      </c>
      <c r="F131" t="s">
        <v>210</v>
      </c>
      <c r="G131" t="s">
        <v>17</v>
      </c>
      <c r="H131">
        <v>2</v>
      </c>
      <c r="I131">
        <v>27</v>
      </c>
      <c r="K131" t="s">
        <v>150</v>
      </c>
      <c r="M131" t="s">
        <v>11</v>
      </c>
      <c r="O131" t="s">
        <v>154</v>
      </c>
      <c r="R131" t="s">
        <v>154</v>
      </c>
    </row>
    <row r="132" spans="1:18" x14ac:dyDescent="0.25">
      <c r="A132">
        <v>131</v>
      </c>
      <c r="B132" t="s">
        <v>19</v>
      </c>
      <c r="C132" t="s">
        <v>83</v>
      </c>
      <c r="D132" t="s">
        <v>142</v>
      </c>
      <c r="E132" t="s">
        <v>110</v>
      </c>
      <c r="F132" t="s">
        <v>251</v>
      </c>
      <c r="G132" t="s">
        <v>22</v>
      </c>
      <c r="H132">
        <v>3</v>
      </c>
      <c r="I132">
        <v>27</v>
      </c>
      <c r="K132" t="s">
        <v>150</v>
      </c>
      <c r="L132" t="s">
        <v>122</v>
      </c>
      <c r="M132" t="s">
        <v>178</v>
      </c>
      <c r="O132" t="s">
        <v>174</v>
      </c>
      <c r="R132" t="s">
        <v>174</v>
      </c>
    </row>
    <row r="133" spans="1:18" x14ac:dyDescent="0.25">
      <c r="A133">
        <v>132</v>
      </c>
      <c r="B133" t="s">
        <v>19</v>
      </c>
      <c r="C133" t="s">
        <v>83</v>
      </c>
      <c r="D133" t="s">
        <v>143</v>
      </c>
      <c r="E133" t="s">
        <v>110</v>
      </c>
      <c r="F133" t="s">
        <v>252</v>
      </c>
      <c r="G133" t="s">
        <v>23</v>
      </c>
      <c r="H133">
        <v>1</v>
      </c>
      <c r="I133">
        <v>27</v>
      </c>
      <c r="J133" t="s">
        <v>162</v>
      </c>
      <c r="K133" t="s">
        <v>150</v>
      </c>
      <c r="L133" t="s">
        <v>135</v>
      </c>
      <c r="M133" t="s">
        <v>153</v>
      </c>
      <c r="P133" t="s">
        <v>156</v>
      </c>
    </row>
    <row r="134" spans="1:18" x14ac:dyDescent="0.25">
      <c r="A134">
        <v>133</v>
      </c>
      <c r="B134" t="s">
        <v>19</v>
      </c>
      <c r="C134" t="s">
        <v>83</v>
      </c>
      <c r="D134" t="s">
        <v>142</v>
      </c>
      <c r="E134" t="s">
        <v>110</v>
      </c>
      <c r="F134" t="s">
        <v>201</v>
      </c>
      <c r="G134" t="s">
        <v>25</v>
      </c>
      <c r="H134">
        <v>3</v>
      </c>
      <c r="I134">
        <v>27</v>
      </c>
      <c r="J134" t="s">
        <v>185</v>
      </c>
      <c r="K134" t="s">
        <v>150</v>
      </c>
      <c r="M134" t="s">
        <v>179</v>
      </c>
      <c r="N134" t="s">
        <v>154</v>
      </c>
      <c r="Q134" t="s">
        <v>154</v>
      </c>
    </row>
    <row r="135" spans="1:18" x14ac:dyDescent="0.25">
      <c r="A135">
        <v>134</v>
      </c>
      <c r="B135" t="s">
        <v>24</v>
      </c>
      <c r="C135" t="s">
        <v>83</v>
      </c>
      <c r="D135" t="s">
        <v>142</v>
      </c>
      <c r="E135" t="s">
        <v>110</v>
      </c>
      <c r="F135" t="s">
        <v>247</v>
      </c>
      <c r="G135" t="s">
        <v>105</v>
      </c>
      <c r="H135">
        <v>3</v>
      </c>
      <c r="I135">
        <v>22</v>
      </c>
      <c r="J135" t="s">
        <v>106</v>
      </c>
      <c r="K135" t="s">
        <v>150</v>
      </c>
      <c r="L135" t="s">
        <v>125</v>
      </c>
      <c r="M135" t="s">
        <v>179</v>
      </c>
      <c r="O135" t="s">
        <v>154</v>
      </c>
      <c r="R135" t="s">
        <v>154</v>
      </c>
    </row>
    <row r="136" spans="1:18" x14ac:dyDescent="0.25">
      <c r="A136">
        <v>135</v>
      </c>
      <c r="B136" t="s">
        <v>24</v>
      </c>
      <c r="C136" t="s">
        <v>291</v>
      </c>
      <c r="D136" t="s">
        <v>142</v>
      </c>
      <c r="E136" t="s">
        <v>110</v>
      </c>
      <c r="F136" t="s">
        <v>248</v>
      </c>
      <c r="G136" t="s">
        <v>29</v>
      </c>
      <c r="H136">
        <v>2</v>
      </c>
      <c r="I136">
        <v>22</v>
      </c>
      <c r="K136" t="s">
        <v>150</v>
      </c>
      <c r="M136" t="s">
        <v>11</v>
      </c>
      <c r="N136" t="s">
        <v>152</v>
      </c>
      <c r="Q136" t="s">
        <v>152</v>
      </c>
    </row>
    <row r="137" spans="1:18" x14ac:dyDescent="0.25">
      <c r="A137">
        <v>136</v>
      </c>
      <c r="B137" t="s">
        <v>24</v>
      </c>
      <c r="C137" t="s">
        <v>293</v>
      </c>
      <c r="D137" t="s">
        <v>142</v>
      </c>
      <c r="E137" t="s">
        <v>110</v>
      </c>
      <c r="F137" t="s">
        <v>203</v>
      </c>
      <c r="G137" t="s">
        <v>30</v>
      </c>
      <c r="H137">
        <v>2</v>
      </c>
      <c r="I137">
        <v>22</v>
      </c>
      <c r="K137" t="s">
        <v>150</v>
      </c>
      <c r="M137" t="s">
        <v>173</v>
      </c>
      <c r="N137" t="s">
        <v>172</v>
      </c>
      <c r="Q137" t="s">
        <v>172</v>
      </c>
    </row>
    <row r="138" spans="1:18" x14ac:dyDescent="0.25">
      <c r="A138">
        <v>137</v>
      </c>
      <c r="B138" t="s">
        <v>24</v>
      </c>
      <c r="C138" t="s">
        <v>290</v>
      </c>
      <c r="D138" t="s">
        <v>142</v>
      </c>
      <c r="E138" t="s">
        <v>110</v>
      </c>
      <c r="F138" t="s">
        <v>211</v>
      </c>
      <c r="G138" t="s">
        <v>31</v>
      </c>
      <c r="H138">
        <v>3</v>
      </c>
      <c r="I138">
        <v>22</v>
      </c>
      <c r="J138" t="s">
        <v>184</v>
      </c>
      <c r="K138" t="s">
        <v>150</v>
      </c>
      <c r="M138" t="s">
        <v>173</v>
      </c>
      <c r="O138" t="s">
        <v>151</v>
      </c>
      <c r="R138" t="s">
        <v>151</v>
      </c>
    </row>
    <row r="139" spans="1:18" x14ac:dyDescent="0.25">
      <c r="A139">
        <v>138</v>
      </c>
      <c r="B139" t="s">
        <v>24</v>
      </c>
      <c r="C139" t="s">
        <v>83</v>
      </c>
      <c r="D139" t="s">
        <v>142</v>
      </c>
      <c r="E139" t="s">
        <v>110</v>
      </c>
      <c r="F139" t="s">
        <v>204</v>
      </c>
      <c r="G139" t="s">
        <v>33</v>
      </c>
      <c r="H139">
        <v>3</v>
      </c>
      <c r="I139">
        <v>22</v>
      </c>
      <c r="J139" t="s">
        <v>89</v>
      </c>
      <c r="K139" t="s">
        <v>150</v>
      </c>
      <c r="L139" t="s">
        <v>124</v>
      </c>
      <c r="M139" t="s">
        <v>183</v>
      </c>
      <c r="P139" t="s">
        <v>151</v>
      </c>
      <c r="R139" t="s">
        <v>174</v>
      </c>
    </row>
    <row r="140" spans="1:18" x14ac:dyDescent="0.25">
      <c r="A140">
        <v>139</v>
      </c>
      <c r="B140" t="s">
        <v>24</v>
      </c>
      <c r="C140" t="s">
        <v>83</v>
      </c>
      <c r="D140" t="s">
        <v>143</v>
      </c>
      <c r="E140" t="s">
        <v>110</v>
      </c>
      <c r="F140" t="s">
        <v>205</v>
      </c>
      <c r="G140" t="s">
        <v>34</v>
      </c>
      <c r="H140">
        <v>1</v>
      </c>
      <c r="I140">
        <v>22</v>
      </c>
      <c r="J140" t="s">
        <v>89</v>
      </c>
      <c r="K140" t="s">
        <v>150</v>
      </c>
      <c r="L140" t="s">
        <v>186</v>
      </c>
      <c r="M140" t="s">
        <v>153</v>
      </c>
      <c r="P140" t="s">
        <v>175</v>
      </c>
    </row>
    <row r="141" spans="1:18" x14ac:dyDescent="0.25">
      <c r="A141">
        <v>140</v>
      </c>
      <c r="B141" t="s">
        <v>19</v>
      </c>
      <c r="C141" t="s">
        <v>83</v>
      </c>
      <c r="D141" t="s">
        <v>142</v>
      </c>
      <c r="E141" t="s">
        <v>110</v>
      </c>
      <c r="F141" t="s">
        <v>213</v>
      </c>
      <c r="G141" t="s">
        <v>35</v>
      </c>
      <c r="H141">
        <v>3</v>
      </c>
      <c r="I141">
        <v>27</v>
      </c>
      <c r="J141" t="s">
        <v>90</v>
      </c>
      <c r="K141" t="s">
        <v>150</v>
      </c>
      <c r="L141" t="s">
        <v>126</v>
      </c>
      <c r="M141" t="s">
        <v>179</v>
      </c>
      <c r="N141" t="s">
        <v>152</v>
      </c>
      <c r="Q141" t="s">
        <v>152</v>
      </c>
    </row>
    <row r="142" spans="1:18" x14ac:dyDescent="0.25">
      <c r="A142">
        <v>141</v>
      </c>
      <c r="B142" t="s">
        <v>19</v>
      </c>
      <c r="C142" t="s">
        <v>83</v>
      </c>
      <c r="D142" t="s">
        <v>143</v>
      </c>
      <c r="E142" t="s">
        <v>110</v>
      </c>
      <c r="F142" t="s">
        <v>214</v>
      </c>
      <c r="G142" t="s">
        <v>36</v>
      </c>
      <c r="H142">
        <v>1</v>
      </c>
      <c r="I142">
        <v>27</v>
      </c>
      <c r="J142" t="s">
        <v>90</v>
      </c>
      <c r="K142" t="s">
        <v>150</v>
      </c>
      <c r="L142" t="s">
        <v>131</v>
      </c>
      <c r="M142" t="s">
        <v>153</v>
      </c>
      <c r="P142" t="s">
        <v>177</v>
      </c>
    </row>
    <row r="143" spans="1:18" s="3" customFormat="1" x14ac:dyDescent="0.25">
      <c r="A143" s="3">
        <v>142</v>
      </c>
      <c r="B143" s="3" t="s">
        <v>24</v>
      </c>
      <c r="C143" s="3" t="s">
        <v>83</v>
      </c>
      <c r="D143" s="3" t="s">
        <v>142</v>
      </c>
      <c r="E143" s="3" t="s">
        <v>110</v>
      </c>
      <c r="F143" s="3" t="s">
        <v>286</v>
      </c>
      <c r="G143" s="3" t="s">
        <v>111</v>
      </c>
      <c r="H143" s="3">
        <v>3</v>
      </c>
      <c r="I143" s="3">
        <v>22</v>
      </c>
      <c r="J143" s="3" t="s">
        <v>181</v>
      </c>
      <c r="K143" s="3" t="s">
        <v>150</v>
      </c>
      <c r="L143" s="3" t="s">
        <v>121</v>
      </c>
      <c r="M143" s="3" t="s">
        <v>178</v>
      </c>
      <c r="O143" s="3" t="s">
        <v>152</v>
      </c>
      <c r="R143" s="3" t="s">
        <v>152</v>
      </c>
    </row>
    <row r="144" spans="1:18" s="3" customFormat="1" x14ac:dyDescent="0.25">
      <c r="A144" s="3">
        <v>143</v>
      </c>
      <c r="B144" s="3" t="s">
        <v>24</v>
      </c>
      <c r="C144" s="3" t="s">
        <v>83</v>
      </c>
      <c r="D144" s="3" t="s">
        <v>143</v>
      </c>
      <c r="E144" s="3" t="s">
        <v>110</v>
      </c>
      <c r="F144" s="3" t="s">
        <v>287</v>
      </c>
      <c r="G144" s="3" t="s">
        <v>161</v>
      </c>
      <c r="H144" s="3">
        <v>1</v>
      </c>
      <c r="I144" s="3">
        <v>22</v>
      </c>
      <c r="K144" s="3" t="s">
        <v>150</v>
      </c>
      <c r="L144" s="3" t="s">
        <v>136</v>
      </c>
      <c r="M144" s="3" t="s">
        <v>170</v>
      </c>
      <c r="N144" s="3" t="s">
        <v>156</v>
      </c>
    </row>
    <row r="145" spans="1:18" x14ac:dyDescent="0.25">
      <c r="A145">
        <v>144</v>
      </c>
      <c r="B145" t="s">
        <v>19</v>
      </c>
      <c r="C145" t="s">
        <v>83</v>
      </c>
      <c r="D145" t="s">
        <v>142</v>
      </c>
      <c r="E145" t="s">
        <v>110</v>
      </c>
      <c r="F145" t="s">
        <v>253</v>
      </c>
      <c r="G145" t="s">
        <v>112</v>
      </c>
      <c r="H145">
        <v>3</v>
      </c>
      <c r="I145">
        <v>27</v>
      </c>
      <c r="J145" t="s">
        <v>76</v>
      </c>
      <c r="K145" t="s">
        <v>150</v>
      </c>
      <c r="L145" t="s">
        <v>120</v>
      </c>
      <c r="M145" t="s">
        <v>11</v>
      </c>
      <c r="N145" t="s">
        <v>151</v>
      </c>
      <c r="Q145" t="s">
        <v>151</v>
      </c>
    </row>
    <row r="146" spans="1:18" x14ac:dyDescent="0.25">
      <c r="A146">
        <v>145</v>
      </c>
      <c r="B146" t="s">
        <v>19</v>
      </c>
      <c r="C146" t="s">
        <v>83</v>
      </c>
      <c r="D146" t="s">
        <v>143</v>
      </c>
      <c r="E146" t="s">
        <v>110</v>
      </c>
      <c r="F146" t="s">
        <v>254</v>
      </c>
      <c r="G146" t="s">
        <v>95</v>
      </c>
      <c r="H146">
        <v>1</v>
      </c>
      <c r="I146">
        <v>27</v>
      </c>
      <c r="J146" t="s">
        <v>76</v>
      </c>
      <c r="K146" t="s">
        <v>150</v>
      </c>
      <c r="L146" t="s">
        <v>130</v>
      </c>
      <c r="M146" t="s">
        <v>196</v>
      </c>
      <c r="R146" t="s">
        <v>177</v>
      </c>
    </row>
    <row r="147" spans="1:18" x14ac:dyDescent="0.25">
      <c r="A147">
        <v>146</v>
      </c>
      <c r="B147" t="s">
        <v>24</v>
      </c>
      <c r="C147" t="s">
        <v>188</v>
      </c>
      <c r="D147" t="s">
        <v>142</v>
      </c>
      <c r="G147" t="s">
        <v>193</v>
      </c>
      <c r="H147">
        <v>2</v>
      </c>
      <c r="I147">
        <v>35</v>
      </c>
      <c r="K147" t="s">
        <v>148</v>
      </c>
      <c r="N147" t="s">
        <v>151</v>
      </c>
      <c r="Q147" t="s">
        <v>151</v>
      </c>
    </row>
    <row r="148" spans="1:18" x14ac:dyDescent="0.25">
      <c r="A148">
        <v>147</v>
      </c>
      <c r="C148" t="s">
        <v>189</v>
      </c>
      <c r="D148" t="s">
        <v>142</v>
      </c>
      <c r="G148" t="s">
        <v>190</v>
      </c>
      <c r="I148">
        <v>50</v>
      </c>
      <c r="L148" t="s">
        <v>187</v>
      </c>
      <c r="N148" t="s">
        <v>172</v>
      </c>
      <c r="P148" t="s">
        <v>172</v>
      </c>
    </row>
    <row r="149" spans="1:18" x14ac:dyDescent="0.25">
      <c r="A149">
        <v>148</v>
      </c>
      <c r="C149" t="s">
        <v>189</v>
      </c>
      <c r="D149" t="s">
        <v>142</v>
      </c>
      <c r="G149" t="s">
        <v>191</v>
      </c>
      <c r="I149">
        <v>40</v>
      </c>
      <c r="L149" t="s">
        <v>187</v>
      </c>
      <c r="N149" t="s">
        <v>151</v>
      </c>
      <c r="P149" t="s">
        <v>151</v>
      </c>
    </row>
    <row r="150" spans="1:18" x14ac:dyDescent="0.25">
      <c r="A150">
        <v>149</v>
      </c>
      <c r="C150" t="s">
        <v>189</v>
      </c>
      <c r="D150" t="s">
        <v>143</v>
      </c>
      <c r="G150" t="s">
        <v>192</v>
      </c>
      <c r="I150">
        <v>25</v>
      </c>
      <c r="L150" t="s">
        <v>135</v>
      </c>
      <c r="Q150" t="s">
        <v>156</v>
      </c>
    </row>
    <row r="151" spans="1:18" x14ac:dyDescent="0.25">
      <c r="A151">
        <v>150</v>
      </c>
      <c r="C151" t="s">
        <v>189</v>
      </c>
      <c r="D151" t="s">
        <v>143</v>
      </c>
      <c r="G151" t="s">
        <v>192</v>
      </c>
      <c r="I151">
        <v>25</v>
      </c>
      <c r="L151" t="s">
        <v>135</v>
      </c>
      <c r="R151" t="s">
        <v>156</v>
      </c>
    </row>
    <row r="152" spans="1:18" x14ac:dyDescent="0.25">
      <c r="A152">
        <v>151</v>
      </c>
      <c r="C152" t="s">
        <v>188</v>
      </c>
      <c r="D152" t="s">
        <v>143</v>
      </c>
      <c r="G152" t="s">
        <v>194</v>
      </c>
      <c r="I152">
        <v>35</v>
      </c>
      <c r="L152" t="s">
        <v>134</v>
      </c>
      <c r="N152" t="s">
        <v>195</v>
      </c>
    </row>
    <row r="153" spans="1:18" x14ac:dyDescent="0.25">
      <c r="A153">
        <v>152</v>
      </c>
    </row>
  </sheetData>
  <autoFilter ref="A1:S153" xr:uid="{9BA85788-9C45-44B9-9032-4E8D859D90B6}"/>
  <phoneticPr fontId="2" type="noConversion"/>
  <pageMargins left="0.25" right="0.25" top="0.75" bottom="1.5" header="0.3" footer="0.3"/>
  <pageSetup scale="54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yeda Khadija Hassan Naqvi</dc:creator>
  <cp:lastModifiedBy>Syeda Khadija Hassan Naqvi</cp:lastModifiedBy>
  <cp:lastPrinted>2026-01-20T06:39:49Z</cp:lastPrinted>
  <dcterms:created xsi:type="dcterms:W3CDTF">2026-01-16T04:38:59Z</dcterms:created>
  <dcterms:modified xsi:type="dcterms:W3CDTF">2026-02-10T10:53:09Z</dcterms:modified>
</cp:coreProperties>
</file>